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workbookPr defaultThemeVersion="124226"/>
  <mc:AlternateContent xmlns:mc="http://schemas.openxmlformats.org/markup-compatibility/2006">
    <mc:Choice Requires="x15">
      <x15ac:absPath xmlns:x15ac="http://schemas.microsoft.com/office/spreadsheetml/2010/11/ac" url="C:\Users\i851131\OneDrive - SAP SE\Documents\Projects\Paypal\"/>
    </mc:Choice>
  </mc:AlternateContent>
  <xr:revisionPtr revIDLastSave="244" documentId="8_{FAC2B72F-2F98-48DF-9B1A-ABB891ABD3FB}" xr6:coauthVersionLast="44" xr6:coauthVersionMax="44" xr10:uidLastSave="{B52363A9-2BAD-4E24-B488-A7AF8E7C01C7}"/>
  <bookViews>
    <workbookView xWindow="28680" yWindow="-120" windowWidth="29040" windowHeight="17640" xr2:uid="{00000000-000D-0000-FFFF-FFFF00000000}"/>
  </bookViews>
  <sheets>
    <sheet name="1-850" sheetId="6" r:id="rId1"/>
    <sheet name="1b-850 Service PO" sheetId="9" r:id="rId2"/>
    <sheet name="2-810" sheetId="1" r:id="rId3"/>
    <sheet name="3-855" sheetId="2" r:id="rId4"/>
    <sheet name="4-856" sheetId="3" r:id="rId5"/>
    <sheet name="5-810 Credit" sheetId="7" r:id="rId6"/>
    <sheet name="6- 810 Service Invoice" sheetId="8" r:id="rId7"/>
  </sheets>
  <calcPr calcId="145621"/>
</workbook>
</file>

<file path=xl/sharedStrings.xml><?xml version="1.0" encoding="utf-8"?>
<sst xmlns="http://schemas.openxmlformats.org/spreadsheetml/2006/main" count="674" uniqueCount="345">
  <si>
    <t>Delta Requirements</t>
  </si>
  <si>
    <t>ISA*00* *00* *ZZ*ABCMUSICSUPPLY *ZZ*ARIBAEDI *030910*1059*U*00401*000000001*0*T*&gt;~</t>
  </si>
  <si>
    <t>GS*IN*ABCMUSIC*AN02000012345*20030910*1059*1*X*004010~</t>
  </si>
  <si>
    <t>ST*810*0001~</t>
  </si>
  <si>
    <t>BIG*20030310*DO091003TESTINV01**DO091003***DI*00~</t>
  </si>
  <si>
    <t>CUR*SE*USD~</t>
  </si>
  <si>
    <t>IT1*1*2*EA*99.99***~</t>
  </si>
  <si>
    <t>REF*FJ*1~</t>
  </si>
  <si>
    <t>REF*FJ*2~</t>
  </si>
  <si>
    <t>TDS*36596~</t>
  </si>
  <si>
    <t>AMT*1*359.96~</t>
  </si>
  <si>
    <t>AMT*N*365.96~</t>
  </si>
  <si>
    <t>AMT*BAP*365.96~</t>
  </si>
  <si>
    <t>SAC*C*H850***0**********no tax*EN~</t>
  </si>
  <si>
    <t>SE*20*0001~</t>
  </si>
  <si>
    <t>GE*1*1~</t>
  </si>
  <si>
    <t>IEA*1*000000001~</t>
  </si>
  <si>
    <t>ISA*00*          *00*          *ZZ*284010872      *ZZ*ARIBAEDI       *030415*1314*U*00401*000601929*0*T*&gt;~</t>
  </si>
  <si>
    <t>GS*PR*AN01000000002*AN01000000001*20030415*1314*000341329*X*004010~</t>
  </si>
  <si>
    <t>ST*855*0001~</t>
  </si>
  <si>
    <t>BAK*00*AT*CONF-DO364*20030419****DO364~</t>
  </si>
  <si>
    <t>DTM*ACK*20030419*1010*ED~</t>
  </si>
  <si>
    <t>N1*SU*The Supplier Name~</t>
  </si>
  <si>
    <t>CTT*0*0~</t>
  </si>
  <si>
    <t>SE*6*0001~</t>
  </si>
  <si>
    <t>GE*1*000341329~</t>
  </si>
  <si>
    <t>IEA*1*000601929~</t>
  </si>
  <si>
    <t>Order Confirmation- Accept without line item detail</t>
  </si>
  <si>
    <t>Baseline 850 (PO)</t>
  </si>
  <si>
    <t>Baseline 810 (Invoice)</t>
  </si>
  <si>
    <t>Baseline 855 (Order Confirmation)</t>
  </si>
  <si>
    <t>Baseline 856 (Advance Ship Notice)</t>
  </si>
  <si>
    <t>ISA*00*          *00*          *ZZ*284010872      *ZZ*ARIBAEDITEST   *030415*1314*U*00401*000601930*0*T*&gt;~</t>
  </si>
  <si>
    <t>GS*SH*AN01000000002*AN01000000001*20030415*1314*000341330*X*004010~</t>
  </si>
  <si>
    <t>ST*856*00001~</t>
  </si>
  <si>
    <t>BSN*00*SHIPNOTE1*20040217*101010*0004~</t>
  </si>
  <si>
    <t>HL*1**S~</t>
  </si>
  <si>
    <t>HL*2*1*O*0~</t>
  </si>
  <si>
    <t>PRF*DO3490***20050216~</t>
  </si>
  <si>
    <t>HL*3*2*I*0~</t>
  </si>
  <si>
    <t>SN1*1*1*EA~</t>
  </si>
  <si>
    <t>SE*8*00001~</t>
  </si>
  <si>
    <t>GE*1*000341330~</t>
  </si>
  <si>
    <t>IEA*1*000601930~</t>
  </si>
  <si>
    <t>ISA*00* *00* *ZZ*ARIBATEST *ZZ*284010872 *030415*1314*U*00401*000601828*0*T*&gt;~</t>
  </si>
  <si>
    <t>ST*850*0001~</t>
  </si>
  <si>
    <t>BEG*00*NE*DO364**20030415~</t>
  </si>
  <si>
    <t>CUR*BY*USD~</t>
  </si>
  <si>
    <t>AMT*TT*321.68~</t>
  </si>
  <si>
    <t>SE*70*0001~</t>
  </si>
  <si>
    <t>GE*1*000341217~</t>
  </si>
  <si>
    <t>IEA*1*000601828~</t>
  </si>
  <si>
    <t>PO1*1*25****VP*26409~</t>
  </si>
  <si>
    <t>IT1*2*2*EA*79.99***~</t>
  </si>
  <si>
    <t>ISA*00*          *00*          *ZZ*ARIBAEDI       *01*FLARP          *140521*1336*U*00401*000000100*0*T*&gt;~</t>
  </si>
  <si>
    <t>GS*PO*AN01000171825-t*Sap*20140521*1336*100*X*004010~</t>
  </si>
  <si>
    <t>The data in this column identifies the specific and unique requirements from the sample transaction in column B.</t>
  </si>
  <si>
    <t>The transaction below represents the minimum fields required to be sent on a EDI PO on the Ariba Network.</t>
  </si>
  <si>
    <t>The transaction below represents the minimum fields required for an EDI invoice to pass DTD validation and post to the Ariba Network.</t>
  </si>
  <si>
    <t>The transaction below represents the minimum fields required for an EDI Order Confirmation to pass DTD validation and post to the Ariba Network.</t>
  </si>
  <si>
    <t>The transaction below represents the minimum fields required for an EDI Advance Ship Notice to pass DTD validation and post to the Ariba Network.</t>
  </si>
  <si>
    <t>GS*PO*284010872*AN01000000002*20030415*1314*000341217*X*004010~</t>
  </si>
  <si>
    <t xml:space="preserve">ST*810*0021~ </t>
  </si>
  <si>
    <t xml:space="preserve">BIG*20130314*75492295*20130220*7500331***CN*00~ </t>
  </si>
  <si>
    <t xml:space="preserve">CUR*SE*USD~ </t>
  </si>
  <si>
    <t xml:space="preserve">REF*I5*75492274~ </t>
  </si>
  <si>
    <t xml:space="preserve">IT1*1*1*CA*56****VP*4025***BP*12345~ </t>
  </si>
  <si>
    <t xml:space="preserve">PID*F****Item Description****EN~ </t>
  </si>
  <si>
    <t xml:space="preserve">REF*FJ*1~ TDS*6090~ </t>
  </si>
  <si>
    <t xml:space="preserve">AMT*1*56~ </t>
  </si>
  <si>
    <t xml:space="preserve">AMT*N*60.9~ </t>
  </si>
  <si>
    <t xml:space="preserve">AMT*BAP*60.9~ </t>
  </si>
  <si>
    <t xml:space="preserve">SAC*C*H850***490**********TOTAL TAX~ </t>
  </si>
  <si>
    <t xml:space="preserve">CTT*1~ </t>
  </si>
  <si>
    <t xml:space="preserve">SE*37*0021~ </t>
  </si>
  <si>
    <t>CTT*2~</t>
  </si>
  <si>
    <t>Paypal Specific 850 (PO)</t>
  </si>
  <si>
    <t>The transaction below represents a Paypal PO sample with specific and unique requirements for the Paypal implementation.  Each section highlighted in blue is the specific EDI code that needs to be mapped by the supplier.
Please note: all data is contained within this transaction is dummy data and does not neccesarily apply to individual suppliers.</t>
  </si>
  <si>
    <t>Paypal Specific 810 (Invoice)</t>
  </si>
  <si>
    <t>The transaction below represents a Paypal invoice sample with specific and unique requirements for this implementation.  Each section highlighted in blue is the specific EDI code that needs to be mapped by the supplier to adhere to Paypal requirements.
Please note: all data is contained within this transaction is dummy data and does not neccesarily apply to individual suppliers.</t>
  </si>
  <si>
    <t>Paypal Specific 855 (Order Confirmation)</t>
  </si>
  <si>
    <t>The transaction below represents a Paypal Order Confirmation sample with specific and unique requirements for this implementation.  Each section highlighted in blue is the specific EDI code that needs to be mapped by the supplier to adhere to Paypal requirements.
Please note: all data is contained within this transaction is dummy data and does not neccesarily apply to individual suppliers.</t>
  </si>
  <si>
    <t>Paypal Specific 856 (Advance Ship Notice)</t>
  </si>
  <si>
    <t>The transaction below represents a Paypal Advance Ship Notice sample with specific and unique requirements for this implementation.  Each section highlighted in blue is the specific EDI code that needs to be mapped by the supplier to adhere to Paypal requirements.
Please note: all data is contained within this transaction is dummy data and does not neccesarily apply to individual suppliers.</t>
  </si>
  <si>
    <t>BEG*00*NE*5100000964**20200708~</t>
  </si>
  <si>
    <t>REF*PO*5100000964~</t>
  </si>
  <si>
    <t>REF*PP*1~</t>
  </si>
  <si>
    <t>REF*ZZ*Bill To Email Address*na.paypal@apacdms.ironmountain.com~</t>
  </si>
  <si>
    <t>REF*ZZ*CompanyCode*0020~</t>
  </si>
  <si>
    <t>REF*ZZ*PUName*0020~</t>
  </si>
  <si>
    <t>ITD*52*3*2**15~</t>
  </si>
  <si>
    <t>ITD*05*3*****45********0~</t>
  </si>
  <si>
    <t>DTM*004*20200708*145329*18~</t>
  </si>
  <si>
    <t>N9*L1*EN*Comments~</t>
  </si>
  <si>
    <t>MSG*Comment Type: Terms and Conditions Body:The following Terms and Conditions of Purchase (the 'Terms'), together with any purchase order form, all attachments and exhibits attached thereto, and all specifications, drawings, notes, instructions and other written mate~</t>
  </si>
  <si>
    <t>MSG*rials incorporated therein (the 'Purchase Order'), shall apply to the purchase of the products, services and/or goods ('Items') by PayPal Inc. and the Affiliates indicated in the purchase order to which these Terms are attached('PayPal'). 'Affiliate' means any ent*LC~</t>
  </si>
  <si>
    <t>MSG*ity that controls, is controlled by or is under common control with a Party, where' control' means possessing, directly or indirectly, the power to direct or cause the direction of the management, policies and operations of such entity, whether through ownership o*LC~</t>
  </si>
  <si>
    <t>MSG*f voting securities, by contract, or otherwise. This Purchase Order constitutes the entire agreement between PayPal and the vendor listed on the PayPal Purchase Order ('Seller') with respect to the products and/or services described therein, and supersedes all pri*LC~</t>
  </si>
  <si>
    <t>MSG*or oral and written communications and agreements relating thereto, except for currently-in-effect agreements executed by both PayPal and Seller that are intended to apply to the specific transaction described in the Purchase Order. No other document, including th*LC~</t>
  </si>
  <si>
    <t>MSG*e Seller's proposal, quotation, or acknowledgment form, will be part of this Purchase Order, unless specifically agreed to in writing by PayPal. No right that PayPal has regarding this Purchase Order may be waived or modified except by PayPal in writing. These Ter*LC~</t>
  </si>
  <si>
    <t>MSG*ms are subject to change without notice. Seller is responsible for regularly reviewing the Terms as they may be posted on PayPal’s website from time to time. 1. PRECEDENCE OF TERMS: Seller's acknowledgement of this Purchase Order or commencement of performance sha*LC~</t>
  </si>
  <si>
    <t>MSG*ll constitute Seller's acceptance of these Terms. Any additional or different terms in Seller's documents are hereby deemed material alterations and notice of objection and rejection of them is hereby given. This Purchase Order shall be controlling over any additi*LC~</t>
  </si>
  <si>
    <t>MSG*onal, inconsistent or conflicting terms of any purchase order, confirmation, invoice, acknowledgement, release, or other written correspondence by both parties. Acceptance of the Items delivered under this Purchase Order shall not constitute acceptance of Seller's*LC~</t>
  </si>
  <si>
    <t>MSG* terms and conditions. No other document, including the Seller's proposal, quotation, or acknowledgment form, will be part of this Purchase Order, unless specifically agreed to in writing by PayPal. No right that PayPal has regarding this Purchase Order may be wai*LC~</t>
  </si>
  <si>
    <t>MSG*ved or modified except by PayPal in writing. These Terms are subject to change without notice. 2. PAYMENT TERMS AND ACCEPTANCE: PayPal maintains payment terms of Net 45 days (discount terms 2% 15) either after receipt of Seller's valid invoice in Accounts Payable *LC~</t>
  </si>
  <si>
    <t>MSG*or after receipt of the Items, whichever is later. All invoices submitted to PayPal in excess of $5,000 must make reference to the PayPal Purchase Order number. Failure to reference the required Purchase Order information may delay the processing of payment to the*LC~</t>
  </si>
  <si>
    <t>MSG* Supplier. Unless otherwise required by local law or regulation, Supplier agrees to submit invoices using PayPal’s supplier portal. The Accounts Payable Manager may waive the requirement to use the Supplier Portal on a case by case basis. Payment of invoices will *LC~</t>
  </si>
  <si>
    <t>MSG*not be deemed acceptance of Items, but rather such Items will be subject to inspection, test, acceptance or rejection in accordance with the acceptance or completion criteria as specified in the relevant Statement of Work ('SOW') and/or Purchase Order. PayPal may,*LC~</t>
  </si>
  <si>
    <t>MSG* at its option, either reject Items that do not comply with the acceptance or completion criteria for a refund, or require Seller, upon PayPal's written instruction, to repair or replace such Items or re-perform such services without charge and in a timely manner.*LC~</t>
  </si>
  <si>
    <t>MSG* 3. SHIPPING; DELIVERY; PACKING; QUANTITIES: (a) All shipments of Items to PayPal shall be FOB destination. Delivery date(s) ('Delivery Date(s)') as provided in connection with this Purchase Order shall be binding upon the Seller. Time shall be of the essence with*LC~</t>
  </si>
  <si>
    <t>MSG* respect to any Delivery Date(s) hereunder. If without authorization from PayPal, Seller ships goods to arrive more than fifteen (15) days in advance of Delivery Date(s), PayPal may either return the goods or store them at the Seller’s expense and risk. Any antici*LC~</t>
  </si>
  <si>
    <t>MSG*pated or actual delay in shipment shall be reported immediately to PayPal. Upon receiving a report, PayPal may at its sole discretion either approve a revised Delivery Date(s) or, by written notice, terminate this order in whole or in part without further liabilit*LC~</t>
  </si>
  <si>
    <t>MSG*y to Seller. PayPal shall only be liable to Seller for any goods actually delivered or services performed (excluding services related to the production of customized or special order goods) prior to the date on which notice of termination is given to Seller. (b) S*LC~</t>
  </si>
  <si>
    <t>MSG*eller shall be liable for any damages suffered by PayPal as a result of any revision in Delivery Date(s) or termination under subparagraph (a) of this section, unless the delay is due to causes beyond the Seller’s control and without fault or negligence. Delay cau*LC~</t>
  </si>
  <si>
    <t>MSG*sed by subcontractor of Seller, of any tier shall not excuse Seller unless it arises from causes beyond control of both Seller and Subcontractor and without fault or negligence of either party, and the goods or services to be furnished by the Subcontractor were no*LC~</t>
  </si>
  <si>
    <t>MSG*t obtainable from other sources in time sufficient to permit Seller to meet the schedule. (c) If Seller fails to deliver on time, PayPal may purchase replacements elsewhere and Seller will be liable for actual and reasonable costs and damages PayPal incurs. (d) Se*LC~</t>
  </si>
  <si>
    <t>MSG*ller shall preserve, pack, package, and handle the Items to protect them from loss or damage and in accordance with good commercial practice and PayPal's specifications. Seller shall be liable for and shall promptly refund to PayPal the amount of any loss or damag*LC~</t>
  </si>
  <si>
    <t>MSG*e due to Seller's failure to properly preserve, pack, package or handle such Items. Seller shall include with each shipment of Items an itemized packing list which sets forth the number of this Purchase Order, product numbers, a description and the quantity of eac*LC~</t>
  </si>
  <si>
    <t>MSG*h of the Items shipped, weight, and the date of shipment. The Purchase Order number shall be plainly visible on every invoice, package, bill of lading, and shipping order provided by Seller. (e) It is the Seller’s responsibility to furnish exact quantities called *LC~</t>
  </si>
  <si>
    <t>MSG*for on this order, and no variation will be accepted as compliance, except by prior written agreement. PayPal will return excess shipments (or make disposition at Seller’s expense.) 4. INSPECTION: Notwithstanding any prior inspection or payments, all goods will be*LC~</t>
  </si>
  <si>
    <t>MSG* subject to final inspection by the end user of the product at PayPal’s principal place of business or such destination as is specified in this Purchase Order within reasonable time after delivery. In case any item is defective in material or workmanship, or other*LC~</t>
  </si>
  <si>
    <t>MSG*wise not in conformity with the requirements of this Purchase Order. PayPal will have the right to reject, to require its correction or to accept it with an adjustment in price. Any item that has been rejected or required to be corrected must be replaced or correc*LC~</t>
  </si>
  <si>
    <t>MSG*ted by and at the expense of Seller promptly after notice. If, after being requested by PayPal, Seller fails to promptly replace or correct any defective item, then PayPal may: (i) replace such item and Seller will be liable for actual and reasonable costs and dam*LC~</t>
  </si>
  <si>
    <t>MSG*ages PayPal incurs, or (ii) cancel the Purchase Order for default. 5. CHANGE ORDERS: PayPal may, at any time prior to the Delivery Date, by a written request (including via email or facsimile) suspend its purchase of Items hereunder or make changes in (i) the quan*LC~</t>
  </si>
  <si>
    <t>MSG*tities of Items or the scope of services ordered or the Delivery Date, (ii) applicable drawings, designs, and/or specifications, (iii) the method of shipment or packing, and/or (iv) the place of delivery or service location. If such a change by PayPal causes an in*LC~</t>
  </si>
  <si>
    <t>MSG*crease in the cost of or the timing required for Seller's performance, and Seller immediately notifies PayPal in writing, then the price and/or delivery schedule of the Items corresponding to such changed portion(s) of this Purchase Order shall be equitably adjust*LC~</t>
  </si>
  <si>
    <t>MSG*ed as mutually agreed upon by both parties, and the parties shall modify this Purchase Order accordingly in writing. Seller shall request such an adjustment no later than five (5) days from the date of Seller's receipt of PayPal's notification of change; however, *LC~</t>
  </si>
  <si>
    <t>MSG*such period may be extended upon PayPal's written approval. Nothing in this Section 5 is intended to excuse Seller from performing pursuant to this Purchase Order as changed or amended. 6. UNAUTHORIZED CHANGES IN APPROVED DESIGNS, PARTS OR PROCESSES: Seller specif*LC~</t>
  </si>
  <si>
    <t>MSG*ically agrees that it shall make no change in any design, configuration, material, part, or processes which have been approved by PayPal and which is applicable to this order without the prior written approval of PayPal. Breach of this obligation shall be consider*LC~</t>
  </si>
  <si>
    <t>MSG*ed a material breach of contract. 7. PRICES: The prices for the Items provided hereunder shall be the lowest prices for which Seller is selling such Items, taking into account any differences in quantities, schedule, and other material terms. PayPal shall be entit*LC~</t>
  </si>
  <si>
    <t>MSG*led to receive any price reduction which Seller makes to others for comparable Items as of the later of (i) the Delivery Date for the Items and/or the date upon which Seller is to begin performing the services hereunder, (ii) the date of actual delivery of the Ite*LC~</t>
  </si>
  <si>
    <t>MSG*ms and/or date upon which Seller commences the services, or (iii) the date of invoice for the Items. Seller is responsible for and will pay all sales, use, and similar taxes. 8. DEFAULT: Seller shall be in default in its performance of this order for any action or*LC~</t>
  </si>
  <si>
    <t>MSG* omission constituting a breach of contract of law, including but not limited to: (a) Seller’s failure to deliver the goods in compliance with the required delivery schedule, (b) Seller’s failure to comply, within ten (10) days of receiving written notice of nonco*LC~</t>
  </si>
  <si>
    <t>MSG*mpliance with any provisions of this Purchase Order, (c) Seller’s failure to make progress so as to endanger performance; or (d) Seller’s breach of warranties set forth in Section 9 herein. If Seller is in default, PayPal may terminate this Order or any part there*LC~</t>
  </si>
  <si>
    <t>MSG*of and invoke all rights and remedies provided by law or under this Purchase Order, including but not limited to procurement of similar goods form other suppliers on such terms and conditions that PayPal determines to be appropriate. PayPal may charge Seller for a*LC~</t>
  </si>
  <si>
    <t>MSG*ny excess costs thereby incurred in addition to any damages it suffers as a result of the default. 9. WARRANTIES: Seller warrants to PayPal for the longer of Seller's normal warranty period or for one (1) year following the date of PayPal's acceptance of the Items*LC~</t>
  </si>
  <si>
    <t>MSG* that (i) when received by PayPal from Seller, the Items shall be free from defects in design, material, workmanship and manufacture, (ii) the Items will conform to the applicable documentation, specifications, drawings, samples, or to other descriptions set forth*LC~</t>
  </si>
  <si>
    <t>MSG* in this Purchase Order, (iii) where design is Seller’s responsibility, the Items will be free from defects in design. Seller further warrants that all goods purchased hereunder will be of merchantable quality and will be fit for the purpose intended by PayPal, (i*LC~</t>
  </si>
  <si>
    <t>MSG*v) the services will be performed in a professional and workmanlike manner, (v) the Items will be suitable for the purposes for which the Items are intended including without limitation purposes made known to Seller, (vi) Seller has good, unencumbered title to the*LC~</t>
  </si>
  <si>
    <t>MSG* Items and has conveyed such good, unencumbered title to PayPal, (vii) Items specified in this Purchase Order do not infringe any patent, copyright, trademark, privacy, publicity, reputation or intellectual property right or misappropriate any trade secret of a th*LC~</t>
  </si>
  <si>
    <t>MSG*ird party; (viii) Seller has disclosed to PayPal in writing the existence of any third party code, including without limitation open source code, that is included in or is provided in connection with the Items and that Seller and the Items are in compliance with a*LC~</t>
  </si>
  <si>
    <t>MSG*ll licensing agreements applicable to such third party code; and (ix) all Items are new and unused, unless otherwise specified by PayPal. The foregoing warranties are in addition to all other warranties, whether express or implied, and will survive delivery, inspe*LC~</t>
  </si>
  <si>
    <t>MSG*ction, acceptance, or payment by PayPal. If any of the Items delivered by Seller do not meet the warranties specified herein or otherwise applicable, PayPal may, at its option, (i) require Seller to correct any defective or non-conforming Items by repair or replac*LC~</t>
  </si>
  <si>
    <t>MSG*ement at no charge to PayPal, or (ii) return such defective or non-conforming Items to Seller at Seller's expense and recover from Seller all amounts paid therefor, (iii) correct the defective or non-conforming Items itself and charge Seller the cost of such corre*LC~</t>
  </si>
  <si>
    <t>MSG*ction, (iv) obtain a refund from Seller for all amounts paid for any defective or non-conforming services, or (v) utilize the defective product and require an appropriate reduction in price. The foregoing remedies are in addition to all other remedies at law or in*LC~</t>
  </si>
  <si>
    <t>MSG* equity or under this Purchase Order, for damages or otherwise, and shall not be deemed to be exclusive. All warranties shall run to PayPal. PayPal's approval of Seller's product or design shall not relieve Seller of the warranties set forth herein, nor shall waiv*LC~</t>
  </si>
  <si>
    <t>MSG*er by PayPal of a requirement pertaining to any drawing or specification for one or more of the Items constitute a waiver of such requirements for the remaining Items to be delivered hereunder unless so stated by PayPal in writing. Seller represents that the goods*LC~</t>
  </si>
  <si>
    <t>MSG* or services to be furnished hereunder were or will be produced in compliance with all the requirements of all applicable laws and regulations. 10. PROPRIETARY INTEREST AND CONFIDENTIALITY: Seller agrees that any data, designs, specifications and all other busines*LC~</t>
  </si>
  <si>
    <t>MSG*s, product, technical and financial information it obtains from PayPal, including information relating to any Purchase Order, shall be 'Confidential Information' and is the sole property of PayPal. No Confidential Information may be used by Seller to compete or as*LC~</t>
  </si>
  <si>
    <t>MSG*sist any person to compete in the business of PayPal or its Affiliates. PayPal shall own all intellectual property rights in any deliverables provided in connection with services provided. Any copyrightable material shall be 'work for hire' to the extent permitted*LC~</t>
  </si>
  <si>
    <t>MSG* by law; if for any reason such material is not 'work for hire,' Seller hereby assigns all right, title and interest in such materials to PayPal and agrees to assist PayPal, at PayPal's expense, to perfect such interest. Seller will hold in confidence and will not*LC~</t>
  </si>
  <si>
    <t>MSG* use or disclose any Confidential Information without PayPal's prior written consent and shall similarly bind its employees, consultants and subcontractors in writing. Seller shall not disclose any Confidential Information to any person or entity other than those *LC~</t>
  </si>
  <si>
    <t>MSG*employees, consultants or subcontractors of Seller who have a legitimate need to know. Seller's nondisclosure obligation hereunder shall not apply to information which is generally available to the public or was rightfully disclosed to Seller by a third party with*LC~</t>
  </si>
  <si>
    <t>MSG*out restriction. Upon PayPal's request, or upon termination of this Purchase Order, Seller shall promptly return all Confidential Information and any copies thereof to PayPal. 11. INDEMNIFICATION AND INSURANCE: Seller represents and warrants to PayPal that there a*LC~</t>
  </si>
  <si>
    <t>MSG*re no claims or liabilities for royalties, liens or any other encumbrances on the Items supplied hereunder, and Seller shall indemnify, defend and hold PayPal and its officers, directors, agents, employees, successors and customers harmless against any such claims*LC~</t>
  </si>
  <si>
    <t>MSG* and liabilities. Seller shall indemnify, defend and hold PayPal and its officers, directors, agents, employees, successors and customers harmless against any and all claims, liabilities, losses, damages, settlements, costs and expenses (including attorneys' fees)*LC~</t>
  </si>
  <si>
    <t>MSG* made against or sustained by PayPal arising from (i) the death of or bodily injury to any person or damage to property on account of any alleged or actual defect in any Items provided hereunder, whether latent or patent, including, without limitation, improper co*LC~</t>
  </si>
  <si>
    <t>MSG*nstruction or design, or failure to warn or caused by the negligence or willful misconduct of Seller or any subcontractor, agent, employee or consultant of Seller; (ii) all loss, liability, and damages arising from or caused directly or indirectly by any act or om*LC~</t>
  </si>
  <si>
    <t>MSG*ission of Seller's agents, employees, or subcontractors; and (iii) all claims of infringement of any patent, trademark, copyright, or misappropriation of any trade secret, or infringement of any other intellectual property right. If PayPal's use of any of the Item*LC~</t>
  </si>
  <si>
    <t>MSG*s is enjoined or, in PayPal's reasonable opinion, is likely to be enjoined as result of any such infringement or alleged infringement, Seller agrees, at PayPal's option to (i) accept return of the Items from PayPal and refund to PayPal the amounts paid by PayPal w*LC~</t>
  </si>
  <si>
    <t>MSG*ith respect to such Items, or (ii) modify the Items so that they become non-infringing but equivalent in functionality, quality, compatibility and performance, or (iii) procure for PayPal and its customers the right to continue using and distributing the Items. Th*LC~</t>
  </si>
  <si>
    <t>MSG*e foregoing obligation of Seller does not apply with respect to any product (a) made in accordance to PayPal's specifications, if the alleged infringement would not have occurred but for such specifications, or (b) which are modified after shipment by PayPal, if t*LC~</t>
  </si>
  <si>
    <t>MSG*he alleged infringement would not have occurred but for such modification. Seller shall take such steps as may be reasonably necessary to prevent personal injury or property damage during any work hereunder that may be performed by any employees, agents or subcont*LC~</t>
  </si>
  <si>
    <t>MSG*ractors of the Seller at PayPal's facilities. Seller shall secure and maintain such insurance against public liability and property damage and such employee's liability and compensation insurance as will protect PayPal against the aforementioned risks and against *LC~</t>
  </si>
  <si>
    <t>MSG*any claims under any Worker's Compensation and Occupational Disease Acts. 12. TERMINATION: This Purchase Order may be terminated by PayPal with or without cause. In the event PayPal terminates without cause, PayPal will compensate Seller for the actual and reasona*LC~</t>
  </si>
  <si>
    <t>MSG*ble expenses incurred by Seller for work in process up to and including the date of termination, provided such expenses do not exceed the agreed upon prices. 13. DISCOUNTS: Time, in connection with any prompt payment discounts offered by Seller, will be computed f*LC~</t>
  </si>
  <si>
    <t>MSG*rom the latest of (i) the scheduled delivery date, (ii) the date of actual delivery, or (iii) the date an acceptance invoice is received. For the purpose of earning the discount, payment will be deemed to have been made on the date of payment mailing. 14. FREIGHT:*LC~</t>
  </si>
  <si>
    <t>MSG* PayPal reserves the right to determine method of shipment and specific forwarder to be used for all shipments against this Purchase Order. Any freight invoices submitted to PayPal resulting from this Purchase Order which are deemed excessive will be disputed by P*LC~</t>
  </si>
  <si>
    <t>MSG*ayPal and returned to Seller for further explanation. 15. CODE OF BUSINESS CONDUCT AND SUPPLIER CODE OF CONDUCT: Seller and all vendors agree to comply with PayPal’s Code of Business Conduct, which prohibits our employees from giving or receiving gifts of any subs*LC~</t>
  </si>
  <si>
    <t>MSG*tantial value and which places restrictions on business entertainment. For further detail, see http://investor.PayPal.com/governance/ethics.cfm. In providing the goods and services under this Agreement, Company agrees to abide by the PayPal Supplier Code of Conduc*LC~</t>
  </si>
  <si>
    <t>MSG*t available at http://www.PayPalinc.com/social-innovation/running-responsible-business as the same may be updated from time to time. PayPal’s sole and exclusive remedy for Company’s failure to abide by the PayPal Supplier Code of Conduct shall be the ability to te*LC~</t>
  </si>
  <si>
    <t>MSG*rminate this Agreement upon thirty (30) days written notice in the event that the parties are unable to mutually agree upon a written remediation plan for Company’s failure to comply with the obligatory portions of the PayPal Supplier Code of Conduct. 16. IMPORTS:*LC~</t>
  </si>
  <si>
    <t>MSG* If any of the Items are imported into any other country, Seller will be responsible for all legal, regulatory and administrative requirements associated with any importation and the payment of all associated duties, taxes and fees. 17. COMPLIANCE WITH LAWS AND RE*LC~</t>
  </si>
  <si>
    <t>MSG*GULATIONS: Seller warrants that in performance of all work under this Purchase Order, Seller and its consultants and subcontractors have complied with or will comply with all applicable federal, state, local and foreign laws and ordinances governing (i) the export*LC~</t>
  </si>
  <si>
    <t>MSG* of goods and services, (ii) programs relating to affirmative action programs, small business and small disadvantaged business and women-owned small business concerns, and (iii) the use and distribution of substances that are radioactive, toxic, hazardous or other*LC~</t>
  </si>
  <si>
    <t>MSG*wise a danger to health, reproduction or the environment. Seller represents and warrants to PayPal that Seller has not offered or given and will not offer or give any employee, agent, or representative of PayPal or any government any gratuity with the intent of se*LC~</t>
  </si>
  <si>
    <t>MSG*curing any business from PayPal or favorable treatment under any agreement with PayPal. Any breach of either warranty in this section shall be a material breach. 18. MISCELLANEOUS: Except as provided herein, any notice, approval or consent required or permitted he*LC~</t>
  </si>
  <si>
    <t>MSG*reunder shall be (i) in writing; (ii) delivered by hand or by overnight courier service to the respective addresses of the parties as set forth in the Purchase Order (or such other addresses a party may designate in writing); and (iii) effective upon actual delive*LC~</t>
  </si>
  <si>
    <t>MSG*ry, or upon attempted delivery if receipt if refused. Notices to PayPal shall be addressed 'Attn: Global Procurement'. If any provision of this Purchase Order shall be judicially determined to be unenforceable or invalid, that provision shall be limited or elimina*LC~</t>
  </si>
  <si>
    <t>MSG*ted to the minimum extent necessary so that this Purchase Order shall otherwise remain in full force and effect and enforceable. Except as provided herein, the failure to enforce any provision herein or right or remedy on any one occasion shall not be construed as*LC~</t>
  </si>
  <si>
    <t>MSG* a waiver on any other occasion. The relationship of Seller and PayPal is that of independent contractor. Except as provided herein, no term or condition of this Purchase Order may be amended or deemed to be waived, except by a writing signed by both parties that *LC~</t>
  </si>
  <si>
    <t>MSG*refers to this Purchase Order. No right or obligation under this Purchase Order (including the right to receive monies due) may be assigned by Seller without the prior written consent of PayPal, and any purported assignment without such consent shall be void. This*LC~</t>
  </si>
  <si>
    <t>MSG* Purchase Order shall be construed in accordance with the laws of the state of California without regard to its principles of conflict of laws. The United Nations Convention on Contracts for the International Sale of Goods and the Uniform Computer Information Tran*LC~</t>
  </si>
  <si>
    <t>MSG*sactions Act do not apply. The exclusive jurisdiction and venue of any action relating to this Purchase Order shall be the Superior Court of California for the County of Santa Clara or the United States District Court for the Northern District of California and ea*LC~</t>
  </si>
  <si>
    <t>MSG*ch of the parties hereto submits itself to the exclusive jurisdiction of such courts and waives any argument relating to the convenience of forum. This Purchase Order shall be construed as if jointly drafted by both parties. The rights and remedies herein provided*LC~</t>
  </si>
  <si>
    <t>MSG* are in addition to those available to either party at law or in equity.*LC~</t>
  </si>
  <si>
    <t>N9*ZZ**Bill To Email Address~</t>
  </si>
  <si>
    <t>MSG*na.paypal@apacdms.ironmountain.com~</t>
  </si>
  <si>
    <t>N9*ZZ**CompanyCode~</t>
  </si>
  <si>
    <t>MSG*0020~</t>
  </si>
  <si>
    <t>N9*ZZ**PUName~</t>
  </si>
  <si>
    <t>REF*ME**default~</t>
  </si>
  <si>
    <t>PER*RE*default*EM*aribapaypal@gmail.com~</t>
  </si>
  <si>
    <t>N1*BT*Paypal Inc.*92*0020~</t>
  </si>
  <si>
    <t>N3*PO BOX 21072~</t>
  </si>
  <si>
    <t>N4*Tulsa*CA*74121*US~</t>
  </si>
  <si>
    <t>PO1*1*100*EA*7.95**VP*2772985*MG*IDG07645762*MF*Swingline*C3*44120000~</t>
  </si>
  <si>
    <t>PID*F****Stapler, Swingline 405, Black****EN~</t>
  </si>
  <si>
    <t>PID*S*MAC*UN*44120000***SPSC~</t>
  </si>
  <si>
    <t>REF*ZZ*Req. Line No.*1~</t>
  </si>
  <si>
    <t>REF*ZZ*Requester*Rahul Verma~</t>
  </si>
  <si>
    <t>REF*ZZ*PR No.*PR2295~</t>
  </si>
  <si>
    <t>REF*ZZ*incoTerm~</t>
  </si>
  <si>
    <t>REF*ZZ*incoTermLocation~</t>
  </si>
  <si>
    <t>REF*ZZ*QuoteReference~</t>
  </si>
  <si>
    <t>REF*ZZ*QuoteLineReference~</t>
  </si>
  <si>
    <t>SAC*N*B840***79500********-100-0000711000-1205099710**-Percentage-ID-ID*EN~</t>
  </si>
  <si>
    <t>DTM*002*20200531*033000*18~</t>
  </si>
  <si>
    <t>N9*URL*URL*__lr2bb~</t>
  </si>
  <si>
    <t>MSG*http://www.idg.com/2772981~</t>
  </si>
  <si>
    <t>N9*ZZ**Req. Line No.~MSG*1~</t>
  </si>
  <si>
    <t>N9*ZZ**Requester~</t>
  </si>
  <si>
    <t>MSG*Rahul Verma~</t>
  </si>
  <si>
    <t>N9*ZZ**PR No.~MSG*PR2295~</t>
  </si>
  <si>
    <t>PO1*2*1*GS*19.99**VP*2772981*MG*IDG076450052X*MF*Mead*C3*44120000~</t>
  </si>
  <si>
    <t>PID*F****Mead File Folders, Tabbed 3 Position, Box of 100****EN~</t>
  </si>
  <si>
    <t>REF*ZZ*Req. Line No.*2~</t>
  </si>
  <si>
    <t>SAC*N*B840***1999********-100-0000711000-1205099710**-Percentage-ID-ID*EN~</t>
  </si>
  <si>
    <t>N9*ZZ**Req. Line No.~MSG*2~</t>
  </si>
  <si>
    <t>CTT*2*101~</t>
  </si>
  <si>
    <t>AMT*TT*814.99~</t>
  </si>
  <si>
    <t>SE*167*0001~</t>
  </si>
  <si>
    <t>GE*1*002262644~</t>
  </si>
  <si>
    <t>IEA*1*002262644~</t>
  </si>
  <si>
    <t>BEG*00*NE*5100000962**20200708~</t>
  </si>
  <si>
    <t>REF*PO*5100000962~</t>
  </si>
  <si>
    <t>DTM*004*20200708*144841*18~</t>
  </si>
  <si>
    <t>PO1*1*1*EA*1000**VP*Test Service 2~</t>
  </si>
  <si>
    <t>PO3*ZZ****ST*1*EA~</t>
  </si>
  <si>
    <t>CTP*TR*MAX*1000~</t>
  </si>
  <si>
    <t>CTP*TR*UCP*1000~</t>
  </si>
  <si>
    <t>PID*F*12***service~</t>
  </si>
  <si>
    <t>PID*F****Test Service 2****EN~</t>
  </si>
  <si>
    <t>PID*S*MAC*UN*811122***SPSC~</t>
  </si>
  <si>
    <t>REF*ZZ*ExpectedUnplanned*1,000.00~</t>
  </si>
  <si>
    <t>SAC*N*B840***100000********-100-0000613000-1205099710**-Percentage-ID-ID*EN~</t>
  </si>
  <si>
    <t>DTM*002*20200605*033000*18~</t>
  </si>
  <si>
    <t>N9*ZZ**ExpectedUnplanned~</t>
  </si>
  <si>
    <t>MSG*1,000.00~</t>
  </si>
  <si>
    <t>CTT*1*1~</t>
  </si>
  <si>
    <t>AMT*TT*1000~</t>
  </si>
  <si>
    <t>SE*143*0001~</t>
  </si>
  <si>
    <t>GE*1*002262642~</t>
  </si>
  <si>
    <t>IEA*1*002262642~</t>
  </si>
  <si>
    <t>Payment Terms</t>
  </si>
  <si>
    <t>Ship To</t>
  </si>
  <si>
    <t>N2*Rahul Verma*VA Colo Data Center 21715 Filigree Ct.~</t>
  </si>
  <si>
    <t>N3*21715 Filigree Ct.~</t>
  </si>
  <si>
    <t>N1*ST*VA Colo Data Center 21715 Filigree Ct.*92*0020ASB01-~</t>
  </si>
  <si>
    <t>N4*ASHBURN*VA*20147*US~</t>
  </si>
  <si>
    <t>Deliver To</t>
  </si>
  <si>
    <t>Service PO Detail</t>
  </si>
  <si>
    <t>ST*810*00001~</t>
  </si>
  <si>
    <t>CUR*ZZ*USD~</t>
  </si>
  <si>
    <t>N1*RI*VG Testing One*~</t>
  </si>
  <si>
    <t>N3*2211 N First Street*~</t>
  </si>
  <si>
    <t>N4*San Jose*CA*95131*US~</t>
  </si>
  <si>
    <t>N3*PO BOX 21072*~</t>
  </si>
  <si>
    <t>N1*FR*VG Testing One*~</t>
  </si>
  <si>
    <t>N1*SO*Paypal Inc.*92*0020~</t>
  </si>
  <si>
    <t>N1*SF*VG Testing One*~</t>
  </si>
  <si>
    <t>N3*21715 Filigree Ct.*~</t>
  </si>
  <si>
    <t>PER*CN*Rahul VermaVA Colo Data Center 21715 Filigree Ct.~</t>
  </si>
  <si>
    <t>ITD*52*3*0**45~</t>
  </si>
  <si>
    <t>DTM*003*20200610*0216~</t>
  </si>
  <si>
    <t>IT1*1*90.0*EA*7.95**VP*2772985*MG*IDG07645762*MF*Swingline*~</t>
  </si>
  <si>
    <t>PID*F****Stapler, Swingline 405, Black~</t>
  </si>
  <si>
    <t>IT1*2*1*GS*19.99**VP*2772981*MG*IDG076450052X*MF*Mead*~</t>
  </si>
  <si>
    <t>PID*F****Mead File Folders, Tabbed 3 Position, Box of 100~</t>
  </si>
  <si>
    <t>TDS*80549~</t>
  </si>
  <si>
    <t>AMT*1*735.490*D~</t>
  </si>
  <si>
    <t>AMT*N*805.490*D~</t>
  </si>
  <si>
    <t>AMT*BAP*805.490*D~</t>
  </si>
  <si>
    <t>AMT*ZZ*755.490*D~</t>
  </si>
  <si>
    <t>SAC*C*G830***2000~</t>
  </si>
  <si>
    <t>SAC*C*H850***5000**********No Description*en~</t>
  </si>
  <si>
    <t>TXI*ST*50.00~</t>
  </si>
  <si>
    <t>SE*43*00001~</t>
  </si>
  <si>
    <t>IEA*1*000601962~</t>
  </si>
  <si>
    <t>BIG*20200610*INVTEST2*20200610*5100000964***DI*00~</t>
  </si>
  <si>
    <t>PAM****1*715.5~</t>
  </si>
  <si>
    <t>PAM****1*19.99~</t>
  </si>
  <si>
    <t>Bill To</t>
  </si>
  <si>
    <t>From</t>
  </si>
  <si>
    <t>Sold To</t>
  </si>
  <si>
    <t>Ship From</t>
  </si>
  <si>
    <t>Tax - Summary</t>
  </si>
  <si>
    <t>Tax Detail (Category, Tax Amount)</t>
  </si>
  <si>
    <t>Shipping - Summary</t>
  </si>
  <si>
    <t>BSN*00*ASNTEST2*20200611*140713*0004~</t>
  </si>
  <si>
    <t>DTM*011*20200611*090000~</t>
  </si>
  <si>
    <t>DTM*017*20200611*090000~</t>
  </si>
  <si>
    <t>HL*1**S*1~</t>
  </si>
  <si>
    <t>N1*ST*VA Colo Data Center 21715 Filigree Ct.*2*0020ASB01-~</t>
  </si>
  <si>
    <t>HL*2*1*O*1~</t>
  </si>
  <si>
    <t>PRF*5100000964***~</t>
  </si>
  <si>
    <t>SN1*1*90*EA~</t>
  </si>
  <si>
    <t>HL*4*2*I*0~</t>
  </si>
  <si>
    <t>SN1*2*1*GS~</t>
  </si>
  <si>
    <t>CTT*4~</t>
  </si>
  <si>
    <t>SE*20*00001~</t>
  </si>
  <si>
    <t>ST*855*00001~</t>
  </si>
  <si>
    <t>BAK*00*AC*5100000964*****OCTEST2*20200602~</t>
  </si>
  <si>
    <t>DTM*ACK*20200602*140232~</t>
  </si>
  <si>
    <t>PO1*1*100*EA~</t>
  </si>
  <si>
    <t>ACK*IR*10*EA~</t>
  </si>
  <si>
    <t>ACK*IA*90*EA*068*20200603~</t>
  </si>
  <si>
    <t>DTM*017*20200603*090000~</t>
  </si>
  <si>
    <t>PO1*2*1*GS~</t>
  </si>
  <si>
    <t>ACK*IA*1*GS*068*20200603~</t>
  </si>
  <si>
    <t>SE*13*00001~</t>
  </si>
  <si>
    <t>DTM*003*20200610*0303~</t>
  </si>
  <si>
    <t>IT1*1*1*EA*1000.00**SH*Test Service 2*~</t>
  </si>
  <si>
    <t>PID*F****Test Service 2~</t>
  </si>
  <si>
    <t>DTM*150*20200501~</t>
  </si>
  <si>
    <t>DTM*151*20200515~</t>
  </si>
  <si>
    <t>TDS*109000~</t>
  </si>
  <si>
    <t>AMT*1*1000.00*D~</t>
  </si>
  <si>
    <t>AMT*N*1090.00*D~</t>
  </si>
  <si>
    <t>AMT*BAP*1090.00*D~</t>
  </si>
  <si>
    <t>SAC*C*G830***4000~</t>
  </si>
  <si>
    <t>CTT*0~</t>
  </si>
  <si>
    <t>SE*40*00001~</t>
  </si>
  <si>
    <t>BIG*20200610*SINVTEST2*20200610*5100000962***DI*00~</t>
  </si>
  <si>
    <t>Start Date</t>
  </si>
  <si>
    <t>End Date</t>
  </si>
  <si>
    <t xml:space="preserve">Bill To </t>
  </si>
  <si>
    <t xml:space="preserve">Ship To </t>
  </si>
  <si>
    <t>Service PO Reference</t>
  </si>
  <si>
    <t>PAM****1*1000.00~</t>
  </si>
  <si>
    <t>DTM*003*20200625*1203~</t>
  </si>
  <si>
    <t>MSG*TEST~</t>
  </si>
  <si>
    <t>REF*ZZ*punchinItemFromCatalog*no~</t>
  </si>
  <si>
    <t>SE*45*00001~</t>
  </si>
  <si>
    <t>IT1*1*100*EA*7.95**VP*2772985*MG*IDG07645762*MF*Swingline*~</t>
  </si>
  <si>
    <t>AMT*1*814.99*D~</t>
  </si>
  <si>
    <t>AMT*N*894.99*D~</t>
  </si>
  <si>
    <t>AMT*BAP*894.99*D~</t>
  </si>
  <si>
    <t>AMT*ZZ*844.99*D~</t>
  </si>
  <si>
    <t>SAC*C*G830***3000~</t>
  </si>
  <si>
    <t>BIG*20200625*CRTEST1 INVTEST3*20200625*5100001181***CN*00~</t>
  </si>
  <si>
    <t>BIG07 = CN  /   PO Reference</t>
  </si>
  <si>
    <t>Positive Quantity, Positive Price</t>
  </si>
  <si>
    <t>N9*L1*EN*Customer Notes~</t>
  </si>
  <si>
    <t>TDS*8949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font>
      <sz val="11"/>
      <color theme="1"/>
      <name val="Calibri"/>
      <family val="2"/>
      <scheme val="minor"/>
    </font>
    <font>
      <sz val="10"/>
      <color theme="1"/>
      <name val="Arial"/>
      <family val="2"/>
    </font>
    <font>
      <sz val="10"/>
      <color rgb="FF000000"/>
      <name val="Arial"/>
      <family val="2"/>
    </font>
    <font>
      <b/>
      <sz val="10"/>
      <color theme="1"/>
      <name val="Arial"/>
      <family val="2"/>
    </font>
    <font>
      <sz val="10"/>
      <color rgb="FFFF0000"/>
      <name val="Arial"/>
      <family val="2"/>
    </font>
    <font>
      <sz val="14"/>
      <color rgb="FF000000"/>
      <name val="Arial"/>
      <family val="2"/>
    </font>
    <font>
      <sz val="11"/>
      <color theme="1"/>
      <name val="Arial"/>
      <family val="2"/>
    </font>
    <font>
      <b/>
      <sz val="11"/>
      <color theme="1"/>
      <name val="Calibri"/>
      <family val="2"/>
      <scheme val="minor"/>
    </font>
    <font>
      <sz val="10"/>
      <color theme="1"/>
      <name val="Times New Roman"/>
      <family val="1"/>
    </font>
    <font>
      <b/>
      <sz val="10"/>
      <color rgb="FFFF0000"/>
      <name val="Arial"/>
      <family val="2"/>
    </font>
    <font>
      <sz val="10"/>
      <color rgb="FF000000"/>
      <name val="Arial Unicode MS"/>
    </font>
  </fonts>
  <fills count="6">
    <fill>
      <patternFill patternType="none"/>
    </fill>
    <fill>
      <patternFill patternType="gray125"/>
    </fill>
    <fill>
      <patternFill patternType="solid">
        <fgColor theme="0"/>
        <bgColor indexed="64"/>
      </patternFill>
    </fill>
    <fill>
      <patternFill patternType="solid">
        <fgColor rgb="FFB8CCE4"/>
        <bgColor indexed="64"/>
      </patternFill>
    </fill>
    <fill>
      <patternFill patternType="solid">
        <fgColor theme="4" tint="0.79998168889431442"/>
        <bgColor indexed="64"/>
      </patternFill>
    </fill>
    <fill>
      <patternFill patternType="solid">
        <fgColor theme="0" tint="-0.14999847407452621"/>
        <bgColor indexed="64"/>
      </patternFill>
    </fill>
  </fills>
  <borders count="16">
    <border>
      <left/>
      <right/>
      <top/>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cellStyleXfs>
  <cellXfs count="77">
    <xf numFmtId="0" fontId="0" fillId="0" borderId="0" xfId="0"/>
    <xf numFmtId="0" fontId="1" fillId="0" borderId="0" xfId="0" applyFont="1"/>
    <xf numFmtId="0" fontId="3" fillId="2" borderId="0" xfId="0" applyFont="1" applyFill="1" applyBorder="1" applyAlignment="1">
      <alignment horizontal="center"/>
    </xf>
    <xf numFmtId="0" fontId="4" fillId="0" borderId="0" xfId="0" applyFont="1"/>
    <xf numFmtId="0" fontId="1" fillId="0" borderId="10" xfId="0" applyFont="1" applyBorder="1"/>
    <xf numFmtId="0" fontId="1" fillId="0" borderId="0" xfId="0" applyFont="1" applyBorder="1"/>
    <xf numFmtId="0" fontId="0" fillId="0" borderId="0" xfId="0" applyBorder="1"/>
    <xf numFmtId="0" fontId="5" fillId="3" borderId="12" xfId="0" applyFont="1" applyFill="1" applyBorder="1" applyAlignment="1">
      <alignment horizontal="center" vertical="center" wrapText="1"/>
    </xf>
    <xf numFmtId="0" fontId="4" fillId="0" borderId="0" xfId="0" applyFont="1" applyBorder="1" applyAlignment="1">
      <alignment horizontal="center"/>
    </xf>
    <xf numFmtId="0" fontId="5" fillId="3" borderId="1" xfId="0" applyFont="1" applyFill="1" applyBorder="1" applyAlignment="1">
      <alignment horizontal="center" vertical="center" wrapText="1"/>
    </xf>
    <xf numFmtId="0" fontId="6" fillId="0" borderId="0" xfId="0" applyFont="1"/>
    <xf numFmtId="0" fontId="1" fillId="5" borderId="9" xfId="0" applyFont="1" applyFill="1" applyBorder="1"/>
    <xf numFmtId="0" fontId="1" fillId="5" borderId="10" xfId="0" applyFont="1" applyFill="1" applyBorder="1"/>
    <xf numFmtId="0" fontId="0" fillId="5" borderId="9" xfId="0" applyFill="1" applyBorder="1"/>
    <xf numFmtId="0" fontId="0" fillId="5" borderId="10" xfId="0" applyFill="1" applyBorder="1"/>
    <xf numFmtId="0" fontId="7" fillId="0" borderId="0" xfId="0" applyFont="1" applyBorder="1"/>
    <xf numFmtId="0" fontId="8" fillId="0" borderId="0" xfId="0" applyFont="1" applyAlignment="1">
      <alignment vertical="center"/>
    </xf>
    <xf numFmtId="0" fontId="5" fillId="3" borderId="13" xfId="0" applyFont="1" applyFill="1" applyBorder="1" applyAlignment="1">
      <alignment horizontal="center" vertical="center" wrapText="1"/>
    </xf>
    <xf numFmtId="0" fontId="0" fillId="0" borderId="0" xfId="0"/>
    <xf numFmtId="0" fontId="1" fillId="0" borderId="5" xfId="0" applyFont="1" applyBorder="1"/>
    <xf numFmtId="0" fontId="1" fillId="5" borderId="3" xfId="0" applyFont="1" applyFill="1" applyBorder="1"/>
    <xf numFmtId="0" fontId="1" fillId="5" borderId="5" xfId="0" applyFont="1" applyFill="1" applyBorder="1"/>
    <xf numFmtId="0" fontId="1" fillId="5" borderId="7" xfId="0" applyFont="1" applyFill="1" applyBorder="1"/>
    <xf numFmtId="0" fontId="2" fillId="2" borderId="2" xfId="0" applyFont="1" applyFill="1" applyBorder="1" applyAlignment="1">
      <alignment horizontal="left" vertical="top" wrapText="1"/>
    </xf>
    <xf numFmtId="0" fontId="1" fillId="2" borderId="0" xfId="0" applyFont="1" applyFill="1"/>
    <xf numFmtId="0" fontId="5" fillId="2" borderId="0" xfId="0" applyFont="1" applyFill="1" applyBorder="1" applyAlignment="1">
      <alignment horizontal="center" vertical="center" wrapText="1"/>
    </xf>
    <xf numFmtId="0" fontId="0" fillId="2" borderId="0" xfId="0" applyFill="1"/>
    <xf numFmtId="0" fontId="4" fillId="0" borderId="0" xfId="0" applyFont="1" applyBorder="1"/>
    <xf numFmtId="0" fontId="4" fillId="0" borderId="0" xfId="0" applyFont="1" applyBorder="1" applyAlignment="1">
      <alignment horizontal="center" vertical="center"/>
    </xf>
    <xf numFmtId="0" fontId="8" fillId="0" borderId="0" xfId="0" applyFont="1" applyFill="1" applyBorder="1" applyAlignment="1">
      <alignment vertical="center"/>
    </xf>
    <xf numFmtId="0" fontId="1" fillId="0" borderId="6" xfId="0" applyFont="1" applyBorder="1"/>
    <xf numFmtId="0" fontId="9" fillId="0" borderId="4" xfId="0" applyFont="1" applyBorder="1" applyAlignment="1">
      <alignment horizontal="center"/>
    </xf>
    <xf numFmtId="0" fontId="9" fillId="0" borderId="8" xfId="0" applyFont="1" applyBorder="1" applyAlignment="1">
      <alignment horizontal="center"/>
    </xf>
    <xf numFmtId="0" fontId="1" fillId="4" borderId="3" xfId="0" applyFont="1" applyFill="1" applyBorder="1"/>
    <xf numFmtId="0" fontId="1" fillId="4" borderId="7" xfId="0" applyFont="1" applyFill="1" applyBorder="1"/>
    <xf numFmtId="0" fontId="6" fillId="0" borderId="8" xfId="0" applyFont="1" applyBorder="1"/>
    <xf numFmtId="0" fontId="1" fillId="0" borderId="9" xfId="0" applyFont="1" applyBorder="1"/>
    <xf numFmtId="0" fontId="1" fillId="0" borderId="11" xfId="0" applyFont="1" applyBorder="1"/>
    <xf numFmtId="0" fontId="6" fillId="0" borderId="6" xfId="0" applyFont="1" applyBorder="1"/>
    <xf numFmtId="0" fontId="9" fillId="0" borderId="6" xfId="0" applyFont="1" applyBorder="1" applyAlignment="1">
      <alignment horizontal="center"/>
    </xf>
    <xf numFmtId="0" fontId="1" fillId="4" borderId="3" xfId="0" applyFont="1" applyFill="1" applyBorder="1" applyAlignment="1">
      <alignment wrapText="1"/>
    </xf>
    <xf numFmtId="0" fontId="1" fillId="4" borderId="5" xfId="0" applyFont="1" applyFill="1" applyBorder="1" applyAlignment="1">
      <alignment wrapText="1"/>
    </xf>
    <xf numFmtId="0" fontId="1" fillId="4" borderId="5" xfId="0" applyFont="1" applyFill="1" applyBorder="1"/>
    <xf numFmtId="0" fontId="1" fillId="0" borderId="0" xfId="0" applyFont="1" applyFill="1" applyBorder="1"/>
    <xf numFmtId="0" fontId="4" fillId="0" borderId="0" xfId="0" applyFont="1" applyFill="1" applyBorder="1"/>
    <xf numFmtId="0" fontId="4" fillId="0" borderId="0"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8" xfId="0" applyFont="1" applyFill="1" applyBorder="1" applyAlignment="1">
      <alignment horizontal="center" vertical="center"/>
    </xf>
    <xf numFmtId="0" fontId="2" fillId="0" borderId="0" xfId="0" applyFont="1" applyAlignment="1">
      <alignment vertical="center"/>
    </xf>
    <xf numFmtId="0" fontId="4" fillId="0" borderId="6" xfId="0" applyFont="1" applyFill="1" applyBorder="1"/>
    <xf numFmtId="0" fontId="4" fillId="0" borderId="8" xfId="0" applyFont="1" applyFill="1" applyBorder="1"/>
    <xf numFmtId="0" fontId="1" fillId="0" borderId="8" xfId="0" applyFont="1" applyFill="1" applyBorder="1"/>
    <xf numFmtId="0" fontId="9" fillId="0" borderId="4" xfId="0" applyFont="1" applyBorder="1" applyAlignment="1">
      <alignment horizontal="center" vertical="center"/>
    </xf>
    <xf numFmtId="0" fontId="9" fillId="0" borderId="6" xfId="0" applyFont="1" applyBorder="1" applyAlignment="1">
      <alignment horizontal="center" vertical="center"/>
    </xf>
    <xf numFmtId="0" fontId="9" fillId="0" borderId="15" xfId="0" applyFont="1" applyBorder="1" applyAlignment="1">
      <alignment horizontal="center"/>
    </xf>
    <xf numFmtId="0" fontId="2" fillId="4" borderId="14" xfId="0" applyFont="1" applyFill="1" applyBorder="1" applyAlignment="1">
      <alignment vertical="center"/>
    </xf>
    <xf numFmtId="0" fontId="2" fillId="4" borderId="3" xfId="0" applyFont="1" applyFill="1" applyBorder="1" applyAlignment="1">
      <alignment vertical="center"/>
    </xf>
    <xf numFmtId="0" fontId="2" fillId="4" borderId="7" xfId="0" applyFont="1" applyFill="1" applyBorder="1" applyAlignment="1">
      <alignment vertical="center"/>
    </xf>
    <xf numFmtId="0" fontId="2" fillId="4" borderId="5" xfId="0" applyFont="1" applyFill="1" applyBorder="1" applyAlignment="1">
      <alignment vertical="center"/>
    </xf>
    <xf numFmtId="0" fontId="2" fillId="0" borderId="9" xfId="0" applyFont="1" applyBorder="1" applyAlignment="1">
      <alignment vertical="center"/>
    </xf>
    <xf numFmtId="0" fontId="2" fillId="0" borderId="10" xfId="0" applyFont="1" applyBorder="1" applyAlignment="1">
      <alignment vertical="center"/>
    </xf>
    <xf numFmtId="0" fontId="2" fillId="0" borderId="11" xfId="0" applyFont="1" applyBorder="1" applyAlignment="1">
      <alignment vertical="center"/>
    </xf>
    <xf numFmtId="0" fontId="0" fillId="0" borderId="5" xfId="0" applyBorder="1"/>
    <xf numFmtId="0" fontId="0" fillId="5" borderId="5" xfId="0" applyFill="1" applyBorder="1"/>
    <xf numFmtId="0" fontId="0" fillId="5" borderId="7" xfId="0" applyFill="1" applyBorder="1"/>
    <xf numFmtId="0" fontId="0" fillId="0" borderId="0" xfId="0" applyFont="1" applyFill="1" applyBorder="1"/>
    <xf numFmtId="0" fontId="0" fillId="0" borderId="0" xfId="0" applyFill="1" applyBorder="1"/>
    <xf numFmtId="0" fontId="7" fillId="0" borderId="0" xfId="0" applyFont="1" applyFill="1" applyBorder="1"/>
    <xf numFmtId="0" fontId="0" fillId="0" borderId="0" xfId="0" applyFont="1" applyFill="1" applyBorder="1" applyAlignment="1">
      <alignment wrapText="1"/>
    </xf>
    <xf numFmtId="0" fontId="10" fillId="0" borderId="11" xfId="0" applyFont="1" applyBorder="1" applyAlignment="1">
      <alignment vertical="center"/>
    </xf>
    <xf numFmtId="0" fontId="2" fillId="0" borderId="0" xfId="0" applyFont="1" applyFill="1" applyBorder="1" applyAlignment="1">
      <alignment vertical="center"/>
    </xf>
    <xf numFmtId="0" fontId="9" fillId="0" borderId="0" xfId="0" applyFont="1" applyFill="1" applyBorder="1" applyAlignment="1">
      <alignment horizontal="center"/>
    </xf>
    <xf numFmtId="0" fontId="9" fillId="0" borderId="15" xfId="0" applyFont="1" applyBorder="1" applyAlignment="1">
      <alignment horizontal="center" vertical="center"/>
    </xf>
    <xf numFmtId="0" fontId="1" fillId="0" borderId="8" xfId="0" applyFont="1" applyBorder="1"/>
    <xf numFmtId="0" fontId="2" fillId="0" borderId="2" xfId="0" applyFont="1" applyBorder="1" applyAlignment="1">
      <alignment vertical="center"/>
    </xf>
    <xf numFmtId="0" fontId="6" fillId="0" borderId="0" xfId="0" applyFont="1" applyFill="1" applyBorder="1"/>
    <xf numFmtId="0" fontId="1" fillId="0" borderId="6" xfId="0" applyFont="1" applyFill="1" applyBorder="1"/>
  </cellXfs>
  <cellStyles count="1">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1.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R404"/>
  <sheetViews>
    <sheetView tabSelected="1" zoomScale="80" zoomScaleNormal="80" workbookViewId="0">
      <selection activeCell="B20" sqref="B20"/>
    </sheetView>
  </sheetViews>
  <sheetFormatPr defaultRowHeight="14.4"/>
  <cols>
    <col min="1" max="1" width="102.5546875" customWidth="1"/>
    <col min="2" max="2" width="93.5546875" customWidth="1"/>
    <col min="3" max="3" width="57.44140625" customWidth="1"/>
  </cols>
  <sheetData>
    <row r="1" spans="1:44" ht="36" customHeight="1" thickBot="1">
      <c r="A1" s="17" t="s">
        <v>28</v>
      </c>
      <c r="B1" s="17" t="s">
        <v>76</v>
      </c>
      <c r="C1" s="7" t="s">
        <v>0</v>
      </c>
      <c r="D1" s="18"/>
      <c r="E1" s="18"/>
      <c r="F1" s="18"/>
      <c r="G1" s="18"/>
      <c r="H1" s="18"/>
      <c r="I1" s="18"/>
      <c r="J1" s="18"/>
      <c r="K1" s="18"/>
      <c r="L1" s="18"/>
      <c r="M1" s="18"/>
      <c r="N1" s="18"/>
      <c r="O1" s="18"/>
      <c r="P1" s="18"/>
      <c r="Q1" s="18"/>
      <c r="R1" s="18"/>
      <c r="S1" s="18"/>
      <c r="T1" s="18"/>
      <c r="U1" s="18"/>
      <c r="V1" s="18"/>
      <c r="W1" s="18"/>
      <c r="X1" s="18"/>
      <c r="Y1" s="18"/>
      <c r="Z1" s="18"/>
      <c r="AA1" s="18"/>
      <c r="AB1" s="18"/>
      <c r="AC1" s="18"/>
      <c r="AD1" s="18"/>
      <c r="AE1" s="18"/>
      <c r="AF1" s="18"/>
      <c r="AG1" s="18"/>
      <c r="AH1" s="18"/>
      <c r="AI1" s="18"/>
      <c r="AJ1" s="18"/>
      <c r="AK1" s="18"/>
      <c r="AL1" s="18"/>
      <c r="AM1" s="18"/>
      <c r="AN1" s="18"/>
      <c r="AO1" s="18"/>
      <c r="AP1" s="18"/>
      <c r="AQ1" s="18"/>
      <c r="AR1" s="18"/>
    </row>
    <row r="2" spans="1:44" s="24" customFormat="1" ht="83.25" customHeight="1">
      <c r="A2" s="23" t="s">
        <v>57</v>
      </c>
      <c r="B2" s="23" t="s">
        <v>77</v>
      </c>
      <c r="C2" s="23" t="s">
        <v>56</v>
      </c>
      <c r="D2" s="18"/>
      <c r="E2" s="18"/>
      <c r="F2" s="18"/>
      <c r="G2" s="18"/>
      <c r="H2" s="18"/>
      <c r="I2" s="18"/>
      <c r="J2" s="18"/>
      <c r="K2" s="18"/>
      <c r="L2" s="18"/>
      <c r="M2" s="18"/>
      <c r="N2" s="18"/>
      <c r="O2" s="18"/>
      <c r="P2" s="18"/>
      <c r="Q2" s="18"/>
      <c r="R2" s="18"/>
      <c r="S2" s="18"/>
      <c r="T2" s="18"/>
      <c r="U2" s="18"/>
      <c r="V2" s="18"/>
      <c r="W2" s="18"/>
      <c r="X2" s="18"/>
      <c r="Y2" s="18"/>
      <c r="Z2" s="18"/>
      <c r="AA2" s="18"/>
      <c r="AB2" s="18"/>
      <c r="AC2" s="18"/>
      <c r="AD2" s="18"/>
      <c r="AE2" s="18"/>
      <c r="AF2" s="18"/>
      <c r="AG2" s="18"/>
      <c r="AH2" s="18"/>
      <c r="AI2" s="18"/>
      <c r="AJ2" s="18"/>
      <c r="AK2" s="18"/>
      <c r="AL2" s="18"/>
      <c r="AM2" s="18"/>
      <c r="AN2" s="18"/>
      <c r="AO2" s="18"/>
      <c r="AP2" s="18"/>
      <c r="AQ2" s="18"/>
      <c r="AR2" s="18"/>
    </row>
    <row r="3" spans="1:44" s="26" customFormat="1" ht="21" customHeight="1">
      <c r="A3" s="25"/>
      <c r="B3" s="25"/>
      <c r="C3" s="25"/>
      <c r="D3" s="18"/>
      <c r="E3" s="18"/>
      <c r="F3" s="18"/>
      <c r="G3" s="18"/>
      <c r="H3" s="18"/>
      <c r="I3" s="18"/>
      <c r="J3" s="18"/>
      <c r="K3" s="18"/>
      <c r="L3" s="18"/>
      <c r="M3" s="18"/>
      <c r="N3" s="18"/>
      <c r="O3" s="18"/>
      <c r="P3" s="18"/>
      <c r="Q3" s="18"/>
      <c r="R3" s="18"/>
      <c r="S3" s="18"/>
      <c r="T3" s="18"/>
      <c r="U3" s="18"/>
      <c r="V3" s="18"/>
      <c r="W3" s="18"/>
      <c r="X3" s="18"/>
      <c r="Y3" s="18"/>
      <c r="Z3" s="18"/>
      <c r="AA3" s="18"/>
      <c r="AB3" s="18"/>
      <c r="AC3" s="18"/>
      <c r="AD3" s="18"/>
      <c r="AE3" s="18"/>
      <c r="AF3" s="18"/>
      <c r="AG3" s="18"/>
      <c r="AH3" s="18"/>
      <c r="AI3" s="18"/>
      <c r="AJ3" s="18"/>
      <c r="AK3" s="18"/>
      <c r="AL3" s="18"/>
      <c r="AM3" s="18"/>
      <c r="AN3" s="18"/>
      <c r="AO3" s="18"/>
      <c r="AP3" s="18"/>
      <c r="AQ3" s="18"/>
      <c r="AR3" s="18"/>
    </row>
    <row r="4" spans="1:44">
      <c r="A4" s="20" t="s">
        <v>44</v>
      </c>
      <c r="B4" s="11" t="s">
        <v>54</v>
      </c>
      <c r="C4" s="10"/>
      <c r="D4" s="18"/>
      <c r="E4" s="18"/>
      <c r="F4" s="18"/>
      <c r="G4" s="18"/>
      <c r="H4" s="18"/>
      <c r="I4" s="18"/>
      <c r="J4" s="18"/>
      <c r="K4" s="18"/>
      <c r="L4" s="18"/>
      <c r="M4" s="18"/>
      <c r="N4" s="18"/>
      <c r="O4" s="18"/>
      <c r="P4" s="18"/>
      <c r="Q4" s="18"/>
      <c r="R4" s="18"/>
      <c r="S4" s="18"/>
      <c r="T4" s="18"/>
      <c r="U4" s="18"/>
      <c r="V4" s="18"/>
      <c r="W4" s="18"/>
      <c r="X4" s="18"/>
      <c r="Y4" s="18"/>
      <c r="Z4" s="18"/>
      <c r="AA4" s="18"/>
      <c r="AB4" s="18"/>
      <c r="AC4" s="18"/>
      <c r="AD4" s="18"/>
      <c r="AE4" s="18"/>
      <c r="AF4" s="18"/>
      <c r="AG4" s="18"/>
      <c r="AH4" s="18"/>
      <c r="AI4" s="18"/>
      <c r="AJ4" s="18"/>
      <c r="AK4" s="18"/>
      <c r="AL4" s="18"/>
      <c r="AM4" s="18"/>
      <c r="AN4" s="18"/>
      <c r="AO4" s="18"/>
      <c r="AP4" s="18"/>
      <c r="AQ4" s="18"/>
      <c r="AR4" s="18"/>
    </row>
    <row r="5" spans="1:44">
      <c r="A5" s="21" t="s">
        <v>61</v>
      </c>
      <c r="B5" s="12" t="s">
        <v>55</v>
      </c>
      <c r="C5" s="10"/>
      <c r="D5" s="18"/>
      <c r="E5" s="18"/>
      <c r="F5" s="18"/>
      <c r="G5" s="18"/>
      <c r="H5" s="18"/>
      <c r="I5" s="18"/>
      <c r="J5" s="18"/>
      <c r="K5" s="18"/>
      <c r="L5" s="18"/>
      <c r="M5" s="18"/>
      <c r="N5" s="18"/>
      <c r="O5" s="18"/>
      <c r="P5" s="18"/>
      <c r="Q5" s="18"/>
      <c r="R5" s="18"/>
      <c r="S5" s="18"/>
      <c r="T5" s="18"/>
      <c r="U5" s="18"/>
      <c r="V5" s="18"/>
      <c r="W5" s="18"/>
      <c r="X5" s="18"/>
      <c r="Y5" s="18"/>
      <c r="Z5" s="18"/>
      <c r="AA5" s="18"/>
      <c r="AB5" s="18"/>
      <c r="AC5" s="18"/>
      <c r="AD5" s="18"/>
      <c r="AE5" s="18"/>
      <c r="AF5" s="18"/>
      <c r="AG5" s="18"/>
      <c r="AH5" s="18"/>
      <c r="AI5" s="18"/>
      <c r="AJ5" s="18"/>
      <c r="AK5" s="18"/>
      <c r="AL5" s="18"/>
      <c r="AM5" s="18"/>
      <c r="AN5" s="18"/>
      <c r="AO5" s="18"/>
      <c r="AP5" s="18"/>
      <c r="AQ5" s="18"/>
      <c r="AR5" s="18"/>
    </row>
    <row r="6" spans="1:44">
      <c r="A6" s="19" t="s">
        <v>45</v>
      </c>
      <c r="B6" s="36" t="s">
        <v>45</v>
      </c>
      <c r="C6" s="10"/>
      <c r="D6" s="18"/>
      <c r="E6" s="18"/>
      <c r="F6" s="18"/>
      <c r="G6" s="18"/>
      <c r="H6" s="18"/>
      <c r="I6" s="18"/>
      <c r="J6" s="18"/>
      <c r="K6" s="18"/>
      <c r="L6" s="18"/>
      <c r="M6" s="18"/>
      <c r="N6" s="18"/>
      <c r="O6" s="18"/>
      <c r="P6" s="18"/>
      <c r="Q6" s="18"/>
      <c r="R6" s="18"/>
      <c r="S6" s="18"/>
      <c r="T6" s="18"/>
      <c r="U6" s="18"/>
      <c r="V6" s="18"/>
      <c r="W6" s="18"/>
      <c r="X6" s="18"/>
      <c r="Y6" s="18"/>
      <c r="Z6" s="18"/>
      <c r="AA6" s="18"/>
      <c r="AB6" s="18"/>
      <c r="AC6" s="18"/>
      <c r="AD6" s="18"/>
      <c r="AE6" s="18"/>
      <c r="AF6" s="18"/>
      <c r="AG6" s="18"/>
      <c r="AH6" s="18"/>
      <c r="AI6" s="18"/>
      <c r="AJ6" s="18"/>
      <c r="AK6" s="18"/>
      <c r="AL6" s="18"/>
      <c r="AM6" s="18"/>
      <c r="AN6" s="18"/>
      <c r="AO6" s="18"/>
      <c r="AP6" s="18"/>
      <c r="AQ6" s="18"/>
      <c r="AR6" s="18"/>
    </row>
    <row r="7" spans="1:44">
      <c r="A7" s="19" t="s">
        <v>46</v>
      </c>
      <c r="B7" s="4" t="s">
        <v>84</v>
      </c>
      <c r="C7" s="10"/>
      <c r="D7" s="18"/>
      <c r="E7" s="18"/>
      <c r="F7" s="18"/>
      <c r="G7" s="18"/>
      <c r="H7" s="18"/>
      <c r="I7" s="18"/>
      <c r="J7" s="18"/>
      <c r="K7" s="18"/>
      <c r="L7" s="18"/>
      <c r="M7" s="18"/>
      <c r="N7" s="18"/>
      <c r="O7" s="18"/>
      <c r="P7" s="18"/>
      <c r="Q7" s="18"/>
      <c r="R7" s="18"/>
      <c r="S7" s="18"/>
      <c r="T7" s="18"/>
      <c r="U7" s="18"/>
      <c r="V7" s="18"/>
      <c r="W7" s="18"/>
      <c r="X7" s="18"/>
      <c r="Y7" s="18"/>
      <c r="Z7" s="18"/>
      <c r="AA7" s="18"/>
      <c r="AB7" s="18"/>
      <c r="AC7" s="18"/>
      <c r="AD7" s="18"/>
      <c r="AE7" s="18"/>
      <c r="AF7" s="18"/>
      <c r="AG7" s="18"/>
      <c r="AH7" s="18"/>
      <c r="AI7" s="18"/>
      <c r="AJ7" s="18"/>
      <c r="AK7" s="18"/>
      <c r="AL7" s="18"/>
      <c r="AM7" s="18"/>
      <c r="AN7" s="18"/>
      <c r="AO7" s="18"/>
      <c r="AP7" s="18"/>
      <c r="AQ7" s="18"/>
      <c r="AR7" s="18"/>
    </row>
    <row r="8" spans="1:44">
      <c r="A8" s="19" t="s">
        <v>47</v>
      </c>
      <c r="B8" s="4" t="s">
        <v>47</v>
      </c>
      <c r="C8" s="10"/>
      <c r="D8" s="18"/>
      <c r="E8" s="18"/>
      <c r="F8" s="18"/>
      <c r="G8" s="18"/>
      <c r="H8" s="18"/>
      <c r="I8" s="18"/>
      <c r="J8" s="18"/>
      <c r="K8" s="18"/>
      <c r="L8" s="18"/>
      <c r="M8" s="18"/>
      <c r="N8" s="18"/>
      <c r="O8" s="18"/>
      <c r="P8" s="18"/>
      <c r="Q8" s="18"/>
      <c r="R8" s="18"/>
      <c r="S8" s="18"/>
      <c r="T8" s="18"/>
      <c r="U8" s="18"/>
      <c r="V8" s="18"/>
      <c r="W8" s="18"/>
      <c r="X8" s="18"/>
      <c r="Y8" s="18"/>
      <c r="Z8" s="18"/>
      <c r="AA8" s="18"/>
      <c r="AB8" s="18"/>
      <c r="AC8" s="18"/>
      <c r="AD8" s="18"/>
      <c r="AE8" s="18"/>
      <c r="AF8" s="18"/>
      <c r="AG8" s="18"/>
      <c r="AH8" s="18"/>
      <c r="AI8" s="18"/>
      <c r="AJ8" s="18"/>
      <c r="AK8" s="18"/>
      <c r="AL8" s="18"/>
      <c r="AM8" s="18"/>
      <c r="AN8" s="18"/>
      <c r="AO8" s="18"/>
      <c r="AP8" s="18"/>
      <c r="AQ8" s="18"/>
      <c r="AR8" s="18"/>
    </row>
    <row r="9" spans="1:44">
      <c r="A9" s="19" t="s">
        <v>52</v>
      </c>
      <c r="B9" s="4" t="s">
        <v>85</v>
      </c>
      <c r="C9" s="10"/>
      <c r="D9" s="18"/>
      <c r="E9" s="18"/>
      <c r="F9" s="18"/>
      <c r="G9" s="18"/>
      <c r="H9" s="18"/>
      <c r="I9" s="18"/>
      <c r="J9" s="18"/>
      <c r="K9" s="18"/>
      <c r="L9" s="18"/>
      <c r="M9" s="18"/>
      <c r="N9" s="18"/>
      <c r="O9" s="18"/>
      <c r="P9" s="18"/>
      <c r="Q9" s="18"/>
      <c r="R9" s="18"/>
      <c r="S9" s="18"/>
      <c r="T9" s="18"/>
      <c r="U9" s="18"/>
      <c r="V9" s="18"/>
      <c r="W9" s="18"/>
      <c r="X9" s="18"/>
      <c r="Y9" s="18"/>
      <c r="Z9" s="18"/>
      <c r="AA9" s="18"/>
      <c r="AB9" s="18"/>
      <c r="AC9" s="18"/>
      <c r="AD9" s="18"/>
      <c r="AE9" s="18"/>
      <c r="AF9" s="18"/>
      <c r="AG9" s="18"/>
      <c r="AH9" s="18"/>
      <c r="AI9" s="18"/>
      <c r="AJ9" s="18"/>
      <c r="AK9" s="18"/>
      <c r="AL9" s="18"/>
      <c r="AM9" s="18"/>
      <c r="AN9" s="18"/>
      <c r="AO9" s="18"/>
      <c r="AP9" s="18"/>
      <c r="AQ9" s="18"/>
      <c r="AR9" s="18"/>
    </row>
    <row r="10" spans="1:44">
      <c r="A10" s="19" t="s">
        <v>48</v>
      </c>
      <c r="B10" s="4" t="s">
        <v>86</v>
      </c>
      <c r="C10" s="10"/>
    </row>
    <row r="11" spans="1:44">
      <c r="A11" s="19" t="s">
        <v>49</v>
      </c>
      <c r="B11" s="4" t="s">
        <v>87</v>
      </c>
      <c r="C11" s="10"/>
    </row>
    <row r="12" spans="1:44">
      <c r="A12" s="21" t="s">
        <v>50</v>
      </c>
      <c r="B12" s="4" t="s">
        <v>88</v>
      </c>
      <c r="C12" s="10"/>
    </row>
    <row r="13" spans="1:44">
      <c r="A13" s="22" t="s">
        <v>51</v>
      </c>
      <c r="B13" s="37" t="s">
        <v>89</v>
      </c>
      <c r="C13" s="10"/>
    </row>
    <row r="14" spans="1:44">
      <c r="B14" s="33" t="s">
        <v>90</v>
      </c>
      <c r="C14" s="31" t="s">
        <v>244</v>
      </c>
    </row>
    <row r="15" spans="1:44">
      <c r="B15" s="34" t="s">
        <v>91</v>
      </c>
      <c r="C15" s="35"/>
    </row>
    <row r="16" spans="1:44">
      <c r="A16" s="18"/>
      <c r="B16" s="36" t="s">
        <v>92</v>
      </c>
      <c r="C16" s="10"/>
    </row>
    <row r="17" spans="1:3">
      <c r="A17" s="18"/>
      <c r="B17" s="4" t="s">
        <v>93</v>
      </c>
      <c r="C17" s="10"/>
    </row>
    <row r="18" spans="1:3">
      <c r="A18" s="18"/>
      <c r="B18" s="4" t="s">
        <v>94</v>
      </c>
      <c r="C18" s="10"/>
    </row>
    <row r="19" spans="1:3">
      <c r="A19" s="18"/>
      <c r="B19" s="4" t="s">
        <v>95</v>
      </c>
      <c r="C19" s="10"/>
    </row>
    <row r="20" spans="1:3">
      <c r="A20" s="18"/>
      <c r="B20" s="4" t="s">
        <v>96</v>
      </c>
      <c r="C20" s="10"/>
    </row>
    <row r="21" spans="1:3">
      <c r="A21" s="18"/>
      <c r="B21" s="4" t="s">
        <v>97</v>
      </c>
      <c r="C21" s="10"/>
    </row>
    <row r="22" spans="1:3">
      <c r="A22" s="18"/>
      <c r="B22" s="4" t="s">
        <v>98</v>
      </c>
      <c r="C22" s="10"/>
    </row>
    <row r="23" spans="1:3">
      <c r="A23" s="18"/>
      <c r="B23" s="4" t="s">
        <v>99</v>
      </c>
      <c r="C23" s="10"/>
    </row>
    <row r="24" spans="1:3">
      <c r="A24" s="18"/>
      <c r="B24" s="4" t="s">
        <v>100</v>
      </c>
      <c r="C24" s="10"/>
    </row>
    <row r="25" spans="1:3">
      <c r="A25" s="18"/>
      <c r="B25" s="4" t="s">
        <v>101</v>
      </c>
      <c r="C25" s="10"/>
    </row>
    <row r="26" spans="1:3">
      <c r="B26" s="4" t="s">
        <v>102</v>
      </c>
      <c r="C26" s="10"/>
    </row>
    <row r="27" spans="1:3">
      <c r="B27" s="4" t="s">
        <v>103</v>
      </c>
      <c r="C27" s="10"/>
    </row>
    <row r="28" spans="1:3">
      <c r="B28" s="4" t="s">
        <v>104</v>
      </c>
      <c r="C28" s="10"/>
    </row>
    <row r="29" spans="1:3">
      <c r="B29" s="4" t="s">
        <v>105</v>
      </c>
      <c r="C29" s="10"/>
    </row>
    <row r="30" spans="1:3">
      <c r="B30" s="4" t="s">
        <v>106</v>
      </c>
      <c r="C30" s="10"/>
    </row>
    <row r="31" spans="1:3">
      <c r="B31" s="4" t="s">
        <v>107</v>
      </c>
      <c r="C31" s="10"/>
    </row>
    <row r="32" spans="1:3">
      <c r="B32" s="4" t="s">
        <v>108</v>
      </c>
      <c r="C32" s="10"/>
    </row>
    <row r="33" spans="2:3">
      <c r="B33" s="4" t="s">
        <v>109</v>
      </c>
      <c r="C33" s="10"/>
    </row>
    <row r="34" spans="2:3">
      <c r="B34" s="4" t="s">
        <v>110</v>
      </c>
      <c r="C34" s="10"/>
    </row>
    <row r="35" spans="2:3">
      <c r="B35" s="4" t="s">
        <v>111</v>
      </c>
      <c r="C35" s="10"/>
    </row>
    <row r="36" spans="2:3">
      <c r="B36" s="4" t="s">
        <v>112</v>
      </c>
      <c r="C36" s="10"/>
    </row>
    <row r="37" spans="2:3">
      <c r="B37" s="4" t="s">
        <v>113</v>
      </c>
      <c r="C37" s="10"/>
    </row>
    <row r="38" spans="2:3">
      <c r="B38" s="4" t="s">
        <v>114</v>
      </c>
      <c r="C38" s="10"/>
    </row>
    <row r="39" spans="2:3">
      <c r="B39" s="4" t="s">
        <v>115</v>
      </c>
      <c r="C39" s="10"/>
    </row>
    <row r="40" spans="2:3">
      <c r="B40" s="4" t="s">
        <v>116</v>
      </c>
      <c r="C40" s="10"/>
    </row>
    <row r="41" spans="2:3">
      <c r="B41" s="4" t="s">
        <v>117</v>
      </c>
      <c r="C41" s="10"/>
    </row>
    <row r="42" spans="2:3">
      <c r="B42" s="4" t="s">
        <v>118</v>
      </c>
      <c r="C42" s="10"/>
    </row>
    <row r="43" spans="2:3">
      <c r="B43" s="4" t="s">
        <v>119</v>
      </c>
      <c r="C43" s="10"/>
    </row>
    <row r="44" spans="2:3">
      <c r="B44" s="4" t="s">
        <v>120</v>
      </c>
      <c r="C44" s="10"/>
    </row>
    <row r="45" spans="2:3">
      <c r="B45" s="4" t="s">
        <v>121</v>
      </c>
      <c r="C45" s="10"/>
    </row>
    <row r="46" spans="2:3">
      <c r="B46" s="4" t="s">
        <v>122</v>
      </c>
      <c r="C46" s="10"/>
    </row>
    <row r="47" spans="2:3">
      <c r="B47" s="4" t="s">
        <v>123</v>
      </c>
      <c r="C47" s="10"/>
    </row>
    <row r="48" spans="2:3">
      <c r="B48" s="4" t="s">
        <v>124</v>
      </c>
      <c r="C48" s="10"/>
    </row>
    <row r="49" spans="2:3">
      <c r="B49" s="4" t="s">
        <v>125</v>
      </c>
      <c r="C49" s="10"/>
    </row>
    <row r="50" spans="2:3">
      <c r="B50" s="4" t="s">
        <v>126</v>
      </c>
      <c r="C50" s="10"/>
    </row>
    <row r="51" spans="2:3">
      <c r="B51" s="4" t="s">
        <v>127</v>
      </c>
      <c r="C51" s="10"/>
    </row>
    <row r="52" spans="2:3">
      <c r="B52" s="4" t="s">
        <v>128</v>
      </c>
      <c r="C52" s="10"/>
    </row>
    <row r="53" spans="2:3">
      <c r="B53" s="4" t="s">
        <v>129</v>
      </c>
      <c r="C53" s="10"/>
    </row>
    <row r="54" spans="2:3">
      <c r="B54" s="4" t="s">
        <v>130</v>
      </c>
      <c r="C54" s="10"/>
    </row>
    <row r="55" spans="2:3">
      <c r="B55" s="4" t="s">
        <v>131</v>
      </c>
      <c r="C55" s="10"/>
    </row>
    <row r="56" spans="2:3">
      <c r="B56" s="4" t="s">
        <v>132</v>
      </c>
      <c r="C56" s="10"/>
    </row>
    <row r="57" spans="2:3">
      <c r="B57" s="4" t="s">
        <v>133</v>
      </c>
      <c r="C57" s="10"/>
    </row>
    <row r="58" spans="2:3">
      <c r="B58" s="4" t="s">
        <v>134</v>
      </c>
      <c r="C58" s="10"/>
    </row>
    <row r="59" spans="2:3">
      <c r="B59" s="4" t="s">
        <v>135</v>
      </c>
      <c r="C59" s="10"/>
    </row>
    <row r="60" spans="2:3">
      <c r="B60" s="4" t="s">
        <v>136</v>
      </c>
      <c r="C60" s="10"/>
    </row>
    <row r="61" spans="2:3">
      <c r="B61" s="4" t="s">
        <v>137</v>
      </c>
      <c r="C61" s="10"/>
    </row>
    <row r="62" spans="2:3">
      <c r="B62" s="4" t="s">
        <v>138</v>
      </c>
      <c r="C62" s="10"/>
    </row>
    <row r="63" spans="2:3">
      <c r="B63" s="4" t="s">
        <v>139</v>
      </c>
      <c r="C63" s="10"/>
    </row>
    <row r="64" spans="2:3">
      <c r="B64" s="4" t="s">
        <v>140</v>
      </c>
      <c r="C64" s="10"/>
    </row>
    <row r="65" spans="2:3">
      <c r="B65" s="4" t="s">
        <v>141</v>
      </c>
      <c r="C65" s="10"/>
    </row>
    <row r="66" spans="2:3">
      <c r="B66" s="4" t="s">
        <v>142</v>
      </c>
      <c r="C66" s="10"/>
    </row>
    <row r="67" spans="2:3">
      <c r="B67" s="4" t="s">
        <v>143</v>
      </c>
      <c r="C67" s="10"/>
    </row>
    <row r="68" spans="2:3">
      <c r="B68" s="4" t="s">
        <v>144</v>
      </c>
      <c r="C68" s="10"/>
    </row>
    <row r="69" spans="2:3">
      <c r="B69" s="4" t="s">
        <v>145</v>
      </c>
      <c r="C69" s="10"/>
    </row>
    <row r="70" spans="2:3">
      <c r="B70" s="4" t="s">
        <v>146</v>
      </c>
      <c r="C70" s="10"/>
    </row>
    <row r="71" spans="2:3">
      <c r="B71" s="4" t="s">
        <v>147</v>
      </c>
      <c r="C71" s="10"/>
    </row>
    <row r="72" spans="2:3">
      <c r="B72" s="4" t="s">
        <v>148</v>
      </c>
      <c r="C72" s="10"/>
    </row>
    <row r="73" spans="2:3">
      <c r="B73" s="4" t="s">
        <v>149</v>
      </c>
      <c r="C73" s="10"/>
    </row>
    <row r="74" spans="2:3">
      <c r="B74" s="4" t="s">
        <v>150</v>
      </c>
      <c r="C74" s="10"/>
    </row>
    <row r="75" spans="2:3">
      <c r="B75" s="4" t="s">
        <v>151</v>
      </c>
      <c r="C75" s="10"/>
    </row>
    <row r="76" spans="2:3">
      <c r="B76" s="4" t="s">
        <v>152</v>
      </c>
      <c r="C76" s="10"/>
    </row>
    <row r="77" spans="2:3">
      <c r="B77" s="4" t="s">
        <v>153</v>
      </c>
      <c r="C77" s="10"/>
    </row>
    <row r="78" spans="2:3">
      <c r="B78" s="4" t="s">
        <v>154</v>
      </c>
      <c r="C78" s="10"/>
    </row>
    <row r="79" spans="2:3">
      <c r="B79" s="4" t="s">
        <v>155</v>
      </c>
      <c r="C79" s="10"/>
    </row>
    <row r="80" spans="2:3">
      <c r="B80" s="4" t="s">
        <v>156</v>
      </c>
      <c r="C80" s="10"/>
    </row>
    <row r="81" spans="2:3">
      <c r="B81" s="4" t="s">
        <v>157</v>
      </c>
      <c r="C81" s="10"/>
    </row>
    <row r="82" spans="2:3">
      <c r="B82" s="4" t="s">
        <v>158</v>
      </c>
      <c r="C82" s="10"/>
    </row>
    <row r="83" spans="2:3">
      <c r="B83" s="4" t="s">
        <v>159</v>
      </c>
      <c r="C83" s="10"/>
    </row>
    <row r="84" spans="2:3">
      <c r="B84" s="4" t="s">
        <v>160</v>
      </c>
      <c r="C84" s="10"/>
    </row>
    <row r="85" spans="2:3">
      <c r="B85" s="4" t="s">
        <v>161</v>
      </c>
      <c r="C85" s="10"/>
    </row>
    <row r="86" spans="2:3">
      <c r="B86" s="4" t="s">
        <v>162</v>
      </c>
      <c r="C86" s="10"/>
    </row>
    <row r="87" spans="2:3">
      <c r="B87" s="4" t="s">
        <v>163</v>
      </c>
      <c r="C87" s="10"/>
    </row>
    <row r="88" spans="2:3">
      <c r="B88" s="4" t="s">
        <v>164</v>
      </c>
      <c r="C88" s="10"/>
    </row>
    <row r="89" spans="2:3">
      <c r="B89" s="4" t="s">
        <v>165</v>
      </c>
      <c r="C89" s="10"/>
    </row>
    <row r="90" spans="2:3">
      <c r="B90" s="4" t="s">
        <v>166</v>
      </c>
      <c r="C90" s="10"/>
    </row>
    <row r="91" spans="2:3">
      <c r="B91" s="4" t="s">
        <v>167</v>
      </c>
      <c r="C91" s="10"/>
    </row>
    <row r="92" spans="2:3">
      <c r="B92" s="4" t="s">
        <v>168</v>
      </c>
      <c r="C92" s="10"/>
    </row>
    <row r="93" spans="2:3">
      <c r="B93" s="4" t="s">
        <v>169</v>
      </c>
      <c r="C93" s="10"/>
    </row>
    <row r="94" spans="2:3">
      <c r="B94" s="4" t="s">
        <v>170</v>
      </c>
      <c r="C94" s="10"/>
    </row>
    <row r="95" spans="2:3">
      <c r="B95" s="4" t="s">
        <v>171</v>
      </c>
      <c r="C95" s="10"/>
    </row>
    <row r="96" spans="2:3">
      <c r="B96" s="4" t="s">
        <v>172</v>
      </c>
      <c r="C96" s="10"/>
    </row>
    <row r="97" spans="2:3">
      <c r="B97" s="4" t="s">
        <v>173</v>
      </c>
      <c r="C97" s="10"/>
    </row>
    <row r="98" spans="2:3">
      <c r="B98" s="4" t="s">
        <v>174</v>
      </c>
      <c r="C98" s="10"/>
    </row>
    <row r="99" spans="2:3">
      <c r="B99" s="4" t="s">
        <v>175</v>
      </c>
      <c r="C99" s="10"/>
    </row>
    <row r="100" spans="2:3">
      <c r="B100" s="4" t="s">
        <v>176</v>
      </c>
      <c r="C100" s="10"/>
    </row>
    <row r="101" spans="2:3">
      <c r="B101" s="4" t="s">
        <v>177</v>
      </c>
      <c r="C101" s="10"/>
    </row>
    <row r="102" spans="2:3">
      <c r="B102" s="4" t="s">
        <v>178</v>
      </c>
      <c r="C102" s="10"/>
    </row>
    <row r="103" spans="2:3">
      <c r="B103" s="4" t="s">
        <v>179</v>
      </c>
      <c r="C103" s="10"/>
    </row>
    <row r="104" spans="2:3">
      <c r="B104" s="4" t="s">
        <v>180</v>
      </c>
      <c r="C104" s="10"/>
    </row>
    <row r="105" spans="2:3">
      <c r="B105" s="4" t="s">
        <v>181</v>
      </c>
      <c r="C105" s="10"/>
    </row>
    <row r="106" spans="2:3">
      <c r="B106" s="4" t="s">
        <v>182</v>
      </c>
      <c r="C106" s="10"/>
    </row>
    <row r="107" spans="2:3">
      <c r="B107" s="4" t="s">
        <v>183</v>
      </c>
      <c r="C107" s="10"/>
    </row>
    <row r="108" spans="2:3">
      <c r="B108" s="4" t="s">
        <v>184</v>
      </c>
      <c r="C108" s="10"/>
    </row>
    <row r="109" spans="2:3">
      <c r="B109" s="4" t="s">
        <v>185</v>
      </c>
      <c r="C109" s="10"/>
    </row>
    <row r="110" spans="2:3">
      <c r="B110" s="4" t="s">
        <v>186</v>
      </c>
      <c r="C110" s="10"/>
    </row>
    <row r="111" spans="2:3">
      <c r="B111" s="4" t="s">
        <v>187</v>
      </c>
      <c r="C111" s="10"/>
    </row>
    <row r="112" spans="2:3">
      <c r="B112" s="4" t="s">
        <v>188</v>
      </c>
      <c r="C112" s="10"/>
    </row>
    <row r="113" spans="2:3">
      <c r="B113" s="4" t="s">
        <v>189</v>
      </c>
      <c r="C113" s="10"/>
    </row>
    <row r="114" spans="2:3">
      <c r="B114" s="4" t="s">
        <v>190</v>
      </c>
      <c r="C114" s="10"/>
    </row>
    <row r="115" spans="2:3">
      <c r="B115" s="37" t="s">
        <v>189</v>
      </c>
      <c r="C115" s="10"/>
    </row>
    <row r="116" spans="2:3">
      <c r="B116" s="33" t="s">
        <v>248</v>
      </c>
      <c r="C116" s="31" t="s">
        <v>245</v>
      </c>
    </row>
    <row r="117" spans="2:3" s="18" customFormat="1">
      <c r="B117" s="42" t="s">
        <v>246</v>
      </c>
      <c r="C117" s="39" t="s">
        <v>250</v>
      </c>
    </row>
    <row r="118" spans="2:3" s="18" customFormat="1">
      <c r="B118" s="42" t="s">
        <v>247</v>
      </c>
      <c r="C118" s="38"/>
    </row>
    <row r="119" spans="2:3" s="18" customFormat="1">
      <c r="B119" s="42" t="s">
        <v>249</v>
      </c>
      <c r="C119" s="38"/>
    </row>
    <row r="120" spans="2:3">
      <c r="B120" s="42" t="s">
        <v>191</v>
      </c>
      <c r="C120" s="38"/>
    </row>
    <row r="121" spans="2:3">
      <c r="B121" s="34" t="s">
        <v>192</v>
      </c>
      <c r="C121" s="35"/>
    </row>
    <row r="122" spans="2:3">
      <c r="B122" s="36" t="s">
        <v>193</v>
      </c>
      <c r="C122" s="10"/>
    </row>
    <row r="123" spans="2:3">
      <c r="B123" s="4" t="s">
        <v>194</v>
      </c>
      <c r="C123" s="10"/>
    </row>
    <row r="124" spans="2:3">
      <c r="B124" s="4" t="s">
        <v>195</v>
      </c>
      <c r="C124" s="10"/>
    </row>
    <row r="125" spans="2:3">
      <c r="B125" s="4" t="s">
        <v>191</v>
      </c>
      <c r="C125" s="10"/>
    </row>
    <row r="126" spans="2:3">
      <c r="B126" s="4" t="s">
        <v>196</v>
      </c>
      <c r="C126" s="10"/>
    </row>
    <row r="127" spans="2:3">
      <c r="B127" s="4" t="s">
        <v>47</v>
      </c>
      <c r="C127" s="10"/>
    </row>
    <row r="128" spans="2:3">
      <c r="B128" s="4" t="s">
        <v>197</v>
      </c>
      <c r="C128" s="10"/>
    </row>
    <row r="129" spans="2:3">
      <c r="B129" s="4" t="s">
        <v>198</v>
      </c>
      <c r="C129" s="10"/>
    </row>
    <row r="130" spans="2:3">
      <c r="B130" s="4" t="s">
        <v>199</v>
      </c>
      <c r="C130" s="10"/>
    </row>
    <row r="131" spans="2:3">
      <c r="B131" s="4" t="s">
        <v>200</v>
      </c>
      <c r="C131" s="10"/>
    </row>
    <row r="132" spans="2:3">
      <c r="B132" s="4" t="s">
        <v>201</v>
      </c>
      <c r="C132" s="10"/>
    </row>
    <row r="133" spans="2:3">
      <c r="B133" s="4" t="s">
        <v>202</v>
      </c>
      <c r="C133" s="10"/>
    </row>
    <row r="134" spans="2:3">
      <c r="B134" s="4" t="s">
        <v>203</v>
      </c>
      <c r="C134" s="10"/>
    </row>
    <row r="135" spans="2:3">
      <c r="B135" s="4" t="s">
        <v>204</v>
      </c>
      <c r="C135" s="10"/>
    </row>
    <row r="136" spans="2:3">
      <c r="B136" s="4" t="s">
        <v>205</v>
      </c>
      <c r="C136" s="10"/>
    </row>
    <row r="137" spans="2:3">
      <c r="B137" s="4" t="s">
        <v>206</v>
      </c>
      <c r="C137" s="10"/>
    </row>
    <row r="138" spans="2:3">
      <c r="B138" s="4" t="s">
        <v>47</v>
      </c>
      <c r="C138" s="10"/>
    </row>
    <row r="139" spans="2:3">
      <c r="B139" s="4" t="s">
        <v>207</v>
      </c>
      <c r="C139" s="10"/>
    </row>
    <row r="140" spans="2:3">
      <c r="B140" s="4" t="s">
        <v>208</v>
      </c>
      <c r="C140" s="10"/>
    </row>
    <row r="141" spans="2:3">
      <c r="B141" s="4" t="s">
        <v>209</v>
      </c>
      <c r="C141" s="10"/>
    </row>
    <row r="142" spans="2:3">
      <c r="B142" s="4" t="s">
        <v>210</v>
      </c>
      <c r="C142" s="10"/>
    </row>
    <row r="143" spans="2:3">
      <c r="B143" s="4" t="s">
        <v>211</v>
      </c>
      <c r="C143" s="10"/>
    </row>
    <row r="144" spans="2:3">
      <c r="B144" s="4" t="s">
        <v>212</v>
      </c>
      <c r="C144" s="10"/>
    </row>
    <row r="145" spans="2:3">
      <c r="B145" s="4" t="s">
        <v>213</v>
      </c>
      <c r="C145" s="10"/>
    </row>
    <row r="146" spans="2:3">
      <c r="B146" s="4" t="s">
        <v>214</v>
      </c>
      <c r="C146" s="10"/>
    </row>
    <row r="147" spans="2:3">
      <c r="B147" s="4" t="s">
        <v>47</v>
      </c>
      <c r="C147" s="10"/>
    </row>
    <row r="148" spans="2:3">
      <c r="B148" s="4" t="s">
        <v>215</v>
      </c>
      <c r="C148" s="10"/>
    </row>
    <row r="149" spans="2:3">
      <c r="B149" s="4" t="s">
        <v>198</v>
      </c>
      <c r="C149" s="10"/>
    </row>
    <row r="150" spans="2:3">
      <c r="B150" s="4" t="s">
        <v>216</v>
      </c>
      <c r="C150" s="10"/>
    </row>
    <row r="151" spans="2:3">
      <c r="B151" s="4" t="s">
        <v>200</v>
      </c>
      <c r="C151" s="10"/>
    </row>
    <row r="152" spans="2:3">
      <c r="B152" s="4" t="s">
        <v>201</v>
      </c>
      <c r="C152" s="10"/>
    </row>
    <row r="153" spans="2:3">
      <c r="B153" s="4" t="s">
        <v>202</v>
      </c>
      <c r="C153" s="10"/>
    </row>
    <row r="154" spans="2:3">
      <c r="B154" s="4" t="s">
        <v>203</v>
      </c>
      <c r="C154" s="10"/>
    </row>
    <row r="155" spans="2:3">
      <c r="B155" s="4" t="s">
        <v>204</v>
      </c>
      <c r="C155" s="10"/>
    </row>
    <row r="156" spans="2:3">
      <c r="B156" s="4" t="s">
        <v>205</v>
      </c>
      <c r="C156" s="10"/>
    </row>
    <row r="157" spans="2:3">
      <c r="B157" s="4" t="s">
        <v>217</v>
      </c>
      <c r="C157" s="10"/>
    </row>
    <row r="158" spans="2:3">
      <c r="B158" s="4" t="s">
        <v>47</v>
      </c>
      <c r="C158" s="10"/>
    </row>
    <row r="159" spans="2:3">
      <c r="B159" s="4" t="s">
        <v>207</v>
      </c>
      <c r="C159" s="10"/>
    </row>
    <row r="160" spans="2:3">
      <c r="B160" s="4" t="s">
        <v>208</v>
      </c>
      <c r="C160" s="10"/>
    </row>
    <row r="161" spans="2:3">
      <c r="B161" s="4" t="s">
        <v>209</v>
      </c>
      <c r="C161" s="10"/>
    </row>
    <row r="162" spans="2:3">
      <c r="B162" s="4" t="s">
        <v>218</v>
      </c>
      <c r="C162" s="10"/>
    </row>
    <row r="163" spans="2:3">
      <c r="B163" s="4" t="s">
        <v>211</v>
      </c>
      <c r="C163" s="10"/>
    </row>
    <row r="164" spans="2:3">
      <c r="B164" s="4" t="s">
        <v>212</v>
      </c>
      <c r="C164" s="10"/>
    </row>
    <row r="165" spans="2:3">
      <c r="B165" s="4" t="s">
        <v>213</v>
      </c>
      <c r="C165" s="10"/>
    </row>
    <row r="166" spans="2:3">
      <c r="B166" s="4" t="s">
        <v>219</v>
      </c>
      <c r="C166" s="10"/>
    </row>
    <row r="167" spans="2:3">
      <c r="B167" s="4" t="s">
        <v>220</v>
      </c>
      <c r="C167" s="10"/>
    </row>
    <row r="168" spans="2:3">
      <c r="B168" s="4" t="s">
        <v>221</v>
      </c>
      <c r="C168" s="10"/>
    </row>
    <row r="169" spans="2:3">
      <c r="B169" s="4" t="s">
        <v>222</v>
      </c>
      <c r="C169" s="10"/>
    </row>
    <row r="170" spans="2:3">
      <c r="B170" s="37" t="s">
        <v>223</v>
      </c>
      <c r="C170" s="10"/>
    </row>
    <row r="171" spans="2:3">
      <c r="B171" s="10"/>
      <c r="C171" s="10"/>
    </row>
    <row r="172" spans="2:3">
      <c r="B172" s="10"/>
      <c r="C172" s="10"/>
    </row>
    <row r="173" spans="2:3">
      <c r="B173" s="10"/>
      <c r="C173" s="10"/>
    </row>
    <row r="174" spans="2:3">
      <c r="B174" s="10"/>
      <c r="C174" s="10"/>
    </row>
    <row r="175" spans="2:3">
      <c r="B175" s="10"/>
      <c r="C175" s="10"/>
    </row>
    <row r="176" spans="2:3">
      <c r="B176" s="10"/>
      <c r="C176" s="10"/>
    </row>
    <row r="177" spans="2:3">
      <c r="B177" s="10"/>
      <c r="C177" s="10"/>
    </row>
    <row r="178" spans="2:3">
      <c r="B178" s="10"/>
      <c r="C178" s="10"/>
    </row>
    <row r="179" spans="2:3">
      <c r="B179" s="10"/>
      <c r="C179" s="10"/>
    </row>
    <row r="180" spans="2:3">
      <c r="B180" s="10"/>
      <c r="C180" s="10"/>
    </row>
    <row r="181" spans="2:3">
      <c r="B181" s="10"/>
      <c r="C181" s="10"/>
    </row>
    <row r="182" spans="2:3">
      <c r="B182" s="10"/>
      <c r="C182" s="10"/>
    </row>
    <row r="183" spans="2:3">
      <c r="B183" s="10"/>
      <c r="C183" s="10"/>
    </row>
    <row r="184" spans="2:3">
      <c r="B184" s="10"/>
      <c r="C184" s="10"/>
    </row>
    <row r="185" spans="2:3">
      <c r="B185" s="10"/>
      <c r="C185" s="10"/>
    </row>
    <row r="186" spans="2:3">
      <c r="B186" s="10"/>
      <c r="C186" s="10"/>
    </row>
    <row r="187" spans="2:3">
      <c r="B187" s="10"/>
      <c r="C187" s="10"/>
    </row>
    <row r="188" spans="2:3">
      <c r="B188" s="10"/>
      <c r="C188" s="10"/>
    </row>
    <row r="189" spans="2:3">
      <c r="B189" s="10"/>
      <c r="C189" s="10"/>
    </row>
    <row r="190" spans="2:3">
      <c r="B190" s="10"/>
      <c r="C190" s="10"/>
    </row>
    <row r="191" spans="2:3">
      <c r="B191" s="10"/>
      <c r="C191" s="10"/>
    </row>
    <row r="192" spans="2:3">
      <c r="B192" s="10"/>
      <c r="C192" s="10"/>
    </row>
    <row r="193" spans="2:3">
      <c r="B193" s="10"/>
      <c r="C193" s="10"/>
    </row>
    <row r="194" spans="2:3">
      <c r="B194" s="10"/>
      <c r="C194" s="10"/>
    </row>
    <row r="195" spans="2:3">
      <c r="B195" s="10"/>
      <c r="C195" s="10"/>
    </row>
    <row r="196" spans="2:3">
      <c r="B196" s="10"/>
      <c r="C196" s="10"/>
    </row>
    <row r="197" spans="2:3">
      <c r="B197" s="10"/>
      <c r="C197" s="10"/>
    </row>
    <row r="198" spans="2:3">
      <c r="B198" s="10"/>
      <c r="C198" s="10"/>
    </row>
    <row r="199" spans="2:3">
      <c r="B199" s="10"/>
      <c r="C199" s="10"/>
    </row>
    <row r="200" spans="2:3">
      <c r="B200" s="10"/>
      <c r="C200" s="10"/>
    </row>
    <row r="201" spans="2:3">
      <c r="B201" s="10"/>
      <c r="C201" s="10"/>
    </row>
    <row r="202" spans="2:3">
      <c r="B202" s="10"/>
      <c r="C202" s="10"/>
    </row>
    <row r="203" spans="2:3">
      <c r="B203" s="10"/>
      <c r="C203" s="10"/>
    </row>
    <row r="204" spans="2:3">
      <c r="B204" s="10"/>
      <c r="C204" s="10"/>
    </row>
    <row r="205" spans="2:3">
      <c r="B205" s="10"/>
      <c r="C205" s="10"/>
    </row>
    <row r="206" spans="2:3">
      <c r="B206" s="10"/>
      <c r="C206" s="10"/>
    </row>
    <row r="207" spans="2:3">
      <c r="B207" s="10"/>
      <c r="C207" s="10"/>
    </row>
    <row r="208" spans="2:3">
      <c r="B208" s="10"/>
      <c r="C208" s="10"/>
    </row>
    <row r="209" spans="2:3">
      <c r="B209" s="10"/>
      <c r="C209" s="10"/>
    </row>
    <row r="210" spans="2:3">
      <c r="B210" s="10"/>
      <c r="C210" s="10"/>
    </row>
    <row r="211" spans="2:3">
      <c r="B211" s="10"/>
      <c r="C211" s="10"/>
    </row>
    <row r="212" spans="2:3">
      <c r="B212" s="10"/>
      <c r="C212" s="10"/>
    </row>
    <row r="213" spans="2:3">
      <c r="B213" s="10"/>
      <c r="C213" s="10"/>
    </row>
    <row r="214" spans="2:3">
      <c r="B214" s="10"/>
      <c r="C214" s="10"/>
    </row>
    <row r="215" spans="2:3">
      <c r="B215" s="10"/>
      <c r="C215" s="10"/>
    </row>
    <row r="216" spans="2:3">
      <c r="B216" s="10"/>
      <c r="C216" s="10"/>
    </row>
    <row r="217" spans="2:3">
      <c r="B217" s="10"/>
      <c r="C217" s="10"/>
    </row>
    <row r="218" spans="2:3">
      <c r="B218" s="10"/>
      <c r="C218" s="10"/>
    </row>
    <row r="219" spans="2:3">
      <c r="B219" s="10"/>
      <c r="C219" s="10"/>
    </row>
    <row r="220" spans="2:3">
      <c r="B220" s="10"/>
      <c r="C220" s="10"/>
    </row>
    <row r="221" spans="2:3">
      <c r="B221" s="10"/>
      <c r="C221" s="10"/>
    </row>
    <row r="222" spans="2:3">
      <c r="B222" s="10"/>
      <c r="C222" s="10"/>
    </row>
    <row r="223" spans="2:3">
      <c r="B223" s="10"/>
      <c r="C223" s="10"/>
    </row>
    <row r="224" spans="2:3">
      <c r="B224" s="10"/>
      <c r="C224" s="10"/>
    </row>
    <row r="225" spans="2:3">
      <c r="B225" s="10"/>
      <c r="C225" s="10"/>
    </row>
    <row r="226" spans="2:3">
      <c r="B226" s="10"/>
      <c r="C226" s="10"/>
    </row>
    <row r="227" spans="2:3">
      <c r="B227" s="10"/>
      <c r="C227" s="10"/>
    </row>
    <row r="228" spans="2:3">
      <c r="B228" s="10"/>
      <c r="C228" s="10"/>
    </row>
    <row r="229" spans="2:3">
      <c r="B229" s="10"/>
      <c r="C229" s="10"/>
    </row>
    <row r="230" spans="2:3">
      <c r="B230" s="10"/>
      <c r="C230" s="10"/>
    </row>
    <row r="231" spans="2:3">
      <c r="B231" s="10"/>
      <c r="C231" s="10"/>
    </row>
    <row r="232" spans="2:3">
      <c r="B232" s="10"/>
      <c r="C232" s="10"/>
    </row>
    <row r="233" spans="2:3">
      <c r="B233" s="10"/>
      <c r="C233" s="10"/>
    </row>
    <row r="234" spans="2:3">
      <c r="B234" s="10"/>
      <c r="C234" s="10"/>
    </row>
    <row r="235" spans="2:3">
      <c r="B235" s="10"/>
      <c r="C235" s="10"/>
    </row>
    <row r="236" spans="2:3">
      <c r="B236" s="10"/>
      <c r="C236" s="10"/>
    </row>
    <row r="237" spans="2:3">
      <c r="B237" s="10"/>
      <c r="C237" s="10"/>
    </row>
    <row r="238" spans="2:3">
      <c r="B238" s="10"/>
      <c r="C238" s="10"/>
    </row>
    <row r="239" spans="2:3">
      <c r="B239" s="10"/>
      <c r="C239" s="10"/>
    </row>
    <row r="240" spans="2:3">
      <c r="B240" s="10"/>
      <c r="C240" s="10"/>
    </row>
    <row r="241" spans="2:3">
      <c r="B241" s="10"/>
      <c r="C241" s="10"/>
    </row>
    <row r="242" spans="2:3">
      <c r="B242" s="10"/>
      <c r="C242" s="10"/>
    </row>
    <row r="243" spans="2:3">
      <c r="B243" s="10"/>
      <c r="C243" s="10"/>
    </row>
    <row r="244" spans="2:3">
      <c r="B244" s="10"/>
      <c r="C244" s="10"/>
    </row>
    <row r="245" spans="2:3">
      <c r="B245" s="10"/>
      <c r="C245" s="10"/>
    </row>
    <row r="246" spans="2:3">
      <c r="B246" s="10"/>
      <c r="C246" s="10"/>
    </row>
    <row r="247" spans="2:3">
      <c r="B247" s="10"/>
      <c r="C247" s="10"/>
    </row>
    <row r="248" spans="2:3">
      <c r="B248" s="10"/>
      <c r="C248" s="10"/>
    </row>
    <row r="249" spans="2:3">
      <c r="B249" s="10"/>
      <c r="C249" s="10"/>
    </row>
    <row r="250" spans="2:3">
      <c r="B250" s="10"/>
      <c r="C250" s="10"/>
    </row>
    <row r="251" spans="2:3">
      <c r="B251" s="10"/>
      <c r="C251" s="10"/>
    </row>
    <row r="252" spans="2:3">
      <c r="B252" s="10"/>
      <c r="C252" s="10"/>
    </row>
    <row r="253" spans="2:3">
      <c r="B253" s="10"/>
      <c r="C253" s="10"/>
    </row>
    <row r="254" spans="2:3">
      <c r="B254" s="10"/>
      <c r="C254" s="10"/>
    </row>
    <row r="255" spans="2:3">
      <c r="B255" s="10"/>
      <c r="C255" s="10"/>
    </row>
    <row r="256" spans="2:3">
      <c r="B256" s="10"/>
      <c r="C256" s="10"/>
    </row>
    <row r="257" spans="2:3">
      <c r="B257" s="10"/>
      <c r="C257" s="10"/>
    </row>
    <row r="258" spans="2:3">
      <c r="B258" s="10"/>
      <c r="C258" s="10"/>
    </row>
    <row r="259" spans="2:3">
      <c r="B259" s="10"/>
      <c r="C259" s="10"/>
    </row>
    <row r="260" spans="2:3">
      <c r="B260" s="10"/>
      <c r="C260" s="10"/>
    </row>
    <row r="261" spans="2:3">
      <c r="B261" s="10"/>
      <c r="C261" s="10"/>
    </row>
    <row r="262" spans="2:3">
      <c r="B262" s="10"/>
      <c r="C262" s="10"/>
    </row>
    <row r="263" spans="2:3">
      <c r="B263" s="10"/>
      <c r="C263" s="10"/>
    </row>
    <row r="264" spans="2:3">
      <c r="B264" s="10"/>
      <c r="C264" s="10"/>
    </row>
    <row r="265" spans="2:3">
      <c r="B265" s="10"/>
      <c r="C265" s="10"/>
    </row>
    <row r="266" spans="2:3">
      <c r="B266" s="10"/>
      <c r="C266" s="10"/>
    </row>
    <row r="267" spans="2:3">
      <c r="B267" s="10"/>
      <c r="C267" s="10"/>
    </row>
    <row r="268" spans="2:3">
      <c r="B268" s="10"/>
      <c r="C268" s="10"/>
    </row>
    <row r="269" spans="2:3">
      <c r="B269" s="10"/>
      <c r="C269" s="10"/>
    </row>
    <row r="270" spans="2:3">
      <c r="B270" s="10"/>
      <c r="C270" s="10"/>
    </row>
    <row r="271" spans="2:3">
      <c r="B271" s="10"/>
      <c r="C271" s="10"/>
    </row>
    <row r="272" spans="2:3">
      <c r="B272" s="10"/>
      <c r="C272" s="10"/>
    </row>
    <row r="273" spans="2:3">
      <c r="B273" s="10"/>
      <c r="C273" s="10"/>
    </row>
    <row r="274" spans="2:3">
      <c r="B274" s="10"/>
      <c r="C274" s="10"/>
    </row>
    <row r="275" spans="2:3">
      <c r="B275" s="10"/>
      <c r="C275" s="10"/>
    </row>
    <row r="276" spans="2:3">
      <c r="B276" s="10"/>
      <c r="C276" s="10"/>
    </row>
    <row r="277" spans="2:3">
      <c r="B277" s="10"/>
      <c r="C277" s="10"/>
    </row>
    <row r="278" spans="2:3">
      <c r="B278" s="10"/>
      <c r="C278" s="10"/>
    </row>
    <row r="279" spans="2:3">
      <c r="B279" s="10"/>
      <c r="C279" s="10"/>
    </row>
    <row r="280" spans="2:3">
      <c r="B280" s="10"/>
      <c r="C280" s="10"/>
    </row>
    <row r="281" spans="2:3">
      <c r="B281" s="10"/>
      <c r="C281" s="10"/>
    </row>
    <row r="282" spans="2:3">
      <c r="B282" s="10"/>
      <c r="C282" s="10"/>
    </row>
    <row r="283" spans="2:3">
      <c r="B283" s="10"/>
      <c r="C283" s="10"/>
    </row>
    <row r="284" spans="2:3">
      <c r="B284" s="10"/>
      <c r="C284" s="10"/>
    </row>
    <row r="285" spans="2:3">
      <c r="B285" s="10"/>
      <c r="C285" s="10"/>
    </row>
    <row r="286" spans="2:3">
      <c r="B286" s="10"/>
      <c r="C286" s="10"/>
    </row>
    <row r="287" spans="2:3">
      <c r="B287" s="10"/>
      <c r="C287" s="10"/>
    </row>
    <row r="288" spans="2:3">
      <c r="B288" s="10"/>
      <c r="C288" s="10"/>
    </row>
    <row r="289" spans="2:3">
      <c r="B289" s="10"/>
      <c r="C289" s="10"/>
    </row>
    <row r="290" spans="2:3">
      <c r="B290" s="10"/>
      <c r="C290" s="10"/>
    </row>
    <row r="291" spans="2:3">
      <c r="B291" s="10"/>
      <c r="C291" s="10"/>
    </row>
    <row r="292" spans="2:3">
      <c r="B292" s="10"/>
      <c r="C292" s="10"/>
    </row>
    <row r="293" spans="2:3">
      <c r="B293" s="10"/>
      <c r="C293" s="10"/>
    </row>
    <row r="294" spans="2:3">
      <c r="B294" s="10"/>
      <c r="C294" s="10"/>
    </row>
    <row r="295" spans="2:3">
      <c r="B295" s="10"/>
      <c r="C295" s="10"/>
    </row>
    <row r="296" spans="2:3">
      <c r="B296" s="10"/>
      <c r="C296" s="10"/>
    </row>
    <row r="297" spans="2:3">
      <c r="B297" s="10"/>
      <c r="C297" s="10"/>
    </row>
    <row r="298" spans="2:3">
      <c r="B298" s="10"/>
      <c r="C298" s="10"/>
    </row>
    <row r="299" spans="2:3">
      <c r="B299" s="10"/>
      <c r="C299" s="10"/>
    </row>
    <row r="300" spans="2:3">
      <c r="B300" s="10"/>
      <c r="C300" s="10"/>
    </row>
    <row r="301" spans="2:3">
      <c r="B301" s="10"/>
      <c r="C301" s="10"/>
    </row>
    <row r="302" spans="2:3">
      <c r="B302" s="10"/>
      <c r="C302" s="10"/>
    </row>
    <row r="303" spans="2:3">
      <c r="B303" s="10"/>
      <c r="C303" s="10"/>
    </row>
    <row r="304" spans="2:3">
      <c r="B304" s="10"/>
      <c r="C304" s="10"/>
    </row>
    <row r="305" spans="2:3">
      <c r="B305" s="10"/>
      <c r="C305" s="10"/>
    </row>
    <row r="306" spans="2:3">
      <c r="B306" s="10"/>
      <c r="C306" s="10"/>
    </row>
    <row r="307" spans="2:3">
      <c r="B307" s="10"/>
      <c r="C307" s="10"/>
    </row>
    <row r="308" spans="2:3">
      <c r="B308" s="10"/>
      <c r="C308" s="10"/>
    </row>
    <row r="309" spans="2:3">
      <c r="B309" s="10"/>
      <c r="C309" s="10"/>
    </row>
    <row r="310" spans="2:3">
      <c r="B310" s="10"/>
      <c r="C310" s="10"/>
    </row>
    <row r="311" spans="2:3">
      <c r="B311" s="10"/>
      <c r="C311" s="10"/>
    </row>
    <row r="312" spans="2:3">
      <c r="B312" s="10"/>
      <c r="C312" s="10"/>
    </row>
    <row r="313" spans="2:3">
      <c r="B313" s="10"/>
      <c r="C313" s="10"/>
    </row>
    <row r="314" spans="2:3">
      <c r="B314" s="10"/>
      <c r="C314" s="10"/>
    </row>
    <row r="315" spans="2:3">
      <c r="B315" s="10"/>
      <c r="C315" s="10"/>
    </row>
    <row r="316" spans="2:3">
      <c r="B316" s="10"/>
      <c r="C316" s="10"/>
    </row>
    <row r="317" spans="2:3">
      <c r="B317" s="10"/>
      <c r="C317" s="10"/>
    </row>
    <row r="318" spans="2:3">
      <c r="B318" s="10"/>
      <c r="C318" s="10"/>
    </row>
    <row r="319" spans="2:3">
      <c r="B319" s="10"/>
      <c r="C319" s="10"/>
    </row>
    <row r="320" spans="2:3">
      <c r="B320" s="10"/>
      <c r="C320" s="10"/>
    </row>
    <row r="321" spans="2:3">
      <c r="B321" s="10"/>
      <c r="C321" s="10"/>
    </row>
    <row r="322" spans="2:3">
      <c r="B322" s="10"/>
      <c r="C322" s="10"/>
    </row>
    <row r="323" spans="2:3">
      <c r="B323" s="10"/>
      <c r="C323" s="10"/>
    </row>
    <row r="324" spans="2:3">
      <c r="B324" s="10"/>
      <c r="C324" s="10"/>
    </row>
    <row r="325" spans="2:3">
      <c r="B325" s="10"/>
      <c r="C325" s="10"/>
    </row>
    <row r="326" spans="2:3">
      <c r="B326" s="10"/>
      <c r="C326" s="10"/>
    </row>
    <row r="327" spans="2:3">
      <c r="B327" s="10"/>
      <c r="C327" s="10"/>
    </row>
    <row r="328" spans="2:3">
      <c r="B328" s="10"/>
      <c r="C328" s="10"/>
    </row>
    <row r="329" spans="2:3">
      <c r="B329" s="10"/>
      <c r="C329" s="10"/>
    </row>
    <row r="330" spans="2:3">
      <c r="B330" s="10"/>
      <c r="C330" s="10"/>
    </row>
    <row r="331" spans="2:3">
      <c r="B331" s="10"/>
      <c r="C331" s="10"/>
    </row>
    <row r="332" spans="2:3">
      <c r="B332" s="10"/>
      <c r="C332" s="10"/>
    </row>
    <row r="333" spans="2:3">
      <c r="B333" s="10"/>
      <c r="C333" s="10"/>
    </row>
    <row r="334" spans="2:3">
      <c r="B334" s="10"/>
      <c r="C334" s="10"/>
    </row>
    <row r="335" spans="2:3">
      <c r="B335" s="10"/>
      <c r="C335" s="10"/>
    </row>
    <row r="336" spans="2:3">
      <c r="B336" s="10"/>
      <c r="C336" s="10"/>
    </row>
    <row r="337" spans="2:3">
      <c r="B337" s="10"/>
      <c r="C337" s="10"/>
    </row>
    <row r="338" spans="2:3">
      <c r="B338" s="10"/>
      <c r="C338" s="10"/>
    </row>
    <row r="339" spans="2:3">
      <c r="B339" s="10"/>
      <c r="C339" s="10"/>
    </row>
    <row r="340" spans="2:3">
      <c r="B340" s="10"/>
      <c r="C340" s="10"/>
    </row>
    <row r="341" spans="2:3">
      <c r="B341" s="10"/>
      <c r="C341" s="10"/>
    </row>
    <row r="342" spans="2:3">
      <c r="B342" s="10"/>
      <c r="C342" s="10"/>
    </row>
    <row r="343" spans="2:3">
      <c r="B343" s="10"/>
      <c r="C343" s="10"/>
    </row>
    <row r="344" spans="2:3">
      <c r="B344" s="10"/>
      <c r="C344" s="10"/>
    </row>
    <row r="345" spans="2:3">
      <c r="B345" s="10"/>
      <c r="C345" s="10"/>
    </row>
    <row r="346" spans="2:3">
      <c r="B346" s="10"/>
      <c r="C346" s="10"/>
    </row>
    <row r="347" spans="2:3">
      <c r="B347" s="10"/>
      <c r="C347" s="10"/>
    </row>
    <row r="348" spans="2:3">
      <c r="B348" s="10"/>
      <c r="C348" s="10"/>
    </row>
    <row r="349" spans="2:3">
      <c r="B349" s="10"/>
      <c r="C349" s="10"/>
    </row>
    <row r="350" spans="2:3">
      <c r="B350" s="10"/>
      <c r="C350" s="10"/>
    </row>
    <row r="351" spans="2:3">
      <c r="B351" s="10"/>
      <c r="C351" s="10"/>
    </row>
    <row r="352" spans="2:3">
      <c r="B352" s="10"/>
      <c r="C352" s="10"/>
    </row>
    <row r="353" spans="2:3">
      <c r="B353" s="10"/>
      <c r="C353" s="10"/>
    </row>
    <row r="354" spans="2:3">
      <c r="B354" s="10"/>
      <c r="C354" s="10"/>
    </row>
    <row r="355" spans="2:3">
      <c r="B355" s="10"/>
      <c r="C355" s="10"/>
    </row>
    <row r="356" spans="2:3">
      <c r="B356" s="10"/>
      <c r="C356" s="10"/>
    </row>
    <row r="357" spans="2:3">
      <c r="B357" s="10"/>
      <c r="C357" s="10"/>
    </row>
    <row r="358" spans="2:3">
      <c r="B358" s="10"/>
      <c r="C358" s="10"/>
    </row>
    <row r="359" spans="2:3">
      <c r="B359" s="10"/>
      <c r="C359" s="10"/>
    </row>
    <row r="360" spans="2:3">
      <c r="B360" s="10"/>
      <c r="C360" s="10"/>
    </row>
    <row r="361" spans="2:3">
      <c r="B361" s="10"/>
      <c r="C361" s="10"/>
    </row>
    <row r="362" spans="2:3">
      <c r="B362" s="10"/>
      <c r="C362" s="10"/>
    </row>
    <row r="363" spans="2:3">
      <c r="B363" s="10"/>
      <c r="C363" s="10"/>
    </row>
    <row r="364" spans="2:3">
      <c r="B364" s="10"/>
      <c r="C364" s="10"/>
    </row>
    <row r="365" spans="2:3">
      <c r="B365" s="10"/>
      <c r="C365" s="10"/>
    </row>
    <row r="366" spans="2:3">
      <c r="B366" s="10"/>
      <c r="C366" s="10"/>
    </row>
    <row r="367" spans="2:3">
      <c r="B367" s="10"/>
      <c r="C367" s="10"/>
    </row>
    <row r="368" spans="2:3">
      <c r="B368" s="10"/>
      <c r="C368" s="10"/>
    </row>
    <row r="369" spans="2:3">
      <c r="B369" s="10"/>
      <c r="C369" s="10"/>
    </row>
    <row r="370" spans="2:3">
      <c r="B370" s="10"/>
      <c r="C370" s="10"/>
    </row>
    <row r="371" spans="2:3">
      <c r="B371" s="10"/>
      <c r="C371" s="10"/>
    </row>
    <row r="372" spans="2:3">
      <c r="B372" s="10"/>
      <c r="C372" s="10"/>
    </row>
    <row r="373" spans="2:3">
      <c r="B373" s="10"/>
      <c r="C373" s="10"/>
    </row>
    <row r="374" spans="2:3">
      <c r="B374" s="10"/>
      <c r="C374" s="10"/>
    </row>
    <row r="375" spans="2:3">
      <c r="B375" s="10"/>
      <c r="C375" s="10"/>
    </row>
    <row r="376" spans="2:3">
      <c r="B376" s="10"/>
      <c r="C376" s="10"/>
    </row>
    <row r="377" spans="2:3">
      <c r="B377" s="10"/>
      <c r="C377" s="10"/>
    </row>
    <row r="378" spans="2:3">
      <c r="B378" s="10"/>
      <c r="C378" s="10"/>
    </row>
    <row r="379" spans="2:3">
      <c r="B379" s="10"/>
      <c r="C379" s="10"/>
    </row>
    <row r="380" spans="2:3">
      <c r="B380" s="10"/>
      <c r="C380" s="10"/>
    </row>
    <row r="381" spans="2:3">
      <c r="B381" s="10"/>
      <c r="C381" s="10"/>
    </row>
    <row r="382" spans="2:3">
      <c r="B382" s="10"/>
      <c r="C382" s="10"/>
    </row>
    <row r="383" spans="2:3">
      <c r="B383" s="10"/>
      <c r="C383" s="10"/>
    </row>
    <row r="384" spans="2:3">
      <c r="B384" s="10"/>
      <c r="C384" s="10"/>
    </row>
    <row r="385" spans="2:3">
      <c r="B385" s="10"/>
      <c r="C385" s="10"/>
    </row>
    <row r="386" spans="2:3">
      <c r="B386" s="10"/>
      <c r="C386" s="10"/>
    </row>
    <row r="387" spans="2:3">
      <c r="B387" s="10"/>
      <c r="C387" s="10"/>
    </row>
    <row r="388" spans="2:3">
      <c r="B388" s="10"/>
      <c r="C388" s="10"/>
    </row>
    <row r="389" spans="2:3">
      <c r="B389" s="10"/>
      <c r="C389" s="10"/>
    </row>
    <row r="390" spans="2:3">
      <c r="B390" s="10"/>
    </row>
    <row r="391" spans="2:3">
      <c r="B391" s="10"/>
    </row>
    <row r="392" spans="2:3">
      <c r="B392" s="10"/>
    </row>
    <row r="393" spans="2:3">
      <c r="B393" s="10"/>
    </row>
    <row r="394" spans="2:3">
      <c r="B394" s="10"/>
    </row>
    <row r="395" spans="2:3">
      <c r="B395" s="10"/>
    </row>
    <row r="396" spans="2:3">
      <c r="B396" s="10"/>
    </row>
    <row r="397" spans="2:3">
      <c r="B397" s="10"/>
    </row>
    <row r="398" spans="2:3">
      <c r="B398" s="10"/>
    </row>
    <row r="399" spans="2:3">
      <c r="B399" s="10"/>
    </row>
    <row r="400" spans="2:3">
      <c r="B400" s="10"/>
    </row>
    <row r="401" spans="2:2">
      <c r="B401" s="10"/>
    </row>
    <row r="402" spans="2:2">
      <c r="B402" s="10"/>
    </row>
    <row r="403" spans="2:2">
      <c r="B403" s="10"/>
    </row>
    <row r="404" spans="2:2">
      <c r="B404" s="10"/>
    </row>
  </sheetData>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548782-B873-410E-8B9C-1EB70433AA5C}">
  <dimension ref="A1:AR404"/>
  <sheetViews>
    <sheetView zoomScale="80" zoomScaleNormal="80" workbookViewId="0">
      <selection activeCell="A24" sqref="A24"/>
    </sheetView>
  </sheetViews>
  <sheetFormatPr defaultRowHeight="14.4"/>
  <cols>
    <col min="1" max="1" width="102.5546875" style="18" customWidth="1"/>
    <col min="2" max="2" width="93.5546875" style="18" customWidth="1"/>
    <col min="3" max="3" width="57.44140625" style="18" customWidth="1"/>
    <col min="4" max="16384" width="8.88671875" style="18"/>
  </cols>
  <sheetData>
    <row r="1" spans="1:44" ht="36" customHeight="1" thickBot="1">
      <c r="A1" s="17" t="s">
        <v>28</v>
      </c>
      <c r="B1" s="17" t="s">
        <v>76</v>
      </c>
      <c r="C1" s="7" t="s">
        <v>0</v>
      </c>
    </row>
    <row r="2" spans="1:44" s="24" customFormat="1" ht="83.25" customHeight="1">
      <c r="A2" s="23" t="s">
        <v>57</v>
      </c>
      <c r="B2" s="23" t="s">
        <v>77</v>
      </c>
      <c r="C2" s="23" t="s">
        <v>56</v>
      </c>
      <c r="D2" s="18"/>
      <c r="E2" s="18"/>
      <c r="F2" s="18"/>
      <c r="G2" s="18"/>
      <c r="H2" s="18"/>
      <c r="I2" s="18"/>
      <c r="J2" s="18"/>
      <c r="K2" s="18"/>
      <c r="L2" s="18"/>
      <c r="M2" s="18"/>
      <c r="N2" s="18"/>
      <c r="O2" s="18"/>
      <c r="P2" s="18"/>
      <c r="Q2" s="18"/>
      <c r="R2" s="18"/>
      <c r="S2" s="18"/>
      <c r="T2" s="18"/>
      <c r="U2" s="18"/>
      <c r="V2" s="18"/>
      <c r="W2" s="18"/>
      <c r="X2" s="18"/>
      <c r="Y2" s="18"/>
      <c r="Z2" s="18"/>
      <c r="AA2" s="18"/>
      <c r="AB2" s="18"/>
      <c r="AC2" s="18"/>
      <c r="AD2" s="18"/>
      <c r="AE2" s="18"/>
      <c r="AF2" s="18"/>
      <c r="AG2" s="18"/>
      <c r="AH2" s="18"/>
      <c r="AI2" s="18"/>
      <c r="AJ2" s="18"/>
      <c r="AK2" s="18"/>
      <c r="AL2" s="18"/>
      <c r="AM2" s="18"/>
      <c r="AN2" s="18"/>
      <c r="AO2" s="18"/>
      <c r="AP2" s="18"/>
      <c r="AQ2" s="18"/>
      <c r="AR2" s="18"/>
    </row>
    <row r="3" spans="1:44" s="26" customFormat="1" ht="21" customHeight="1">
      <c r="A3" s="25"/>
      <c r="B3" s="25"/>
      <c r="C3" s="25"/>
      <c r="D3" s="18"/>
      <c r="E3" s="18"/>
      <c r="F3" s="18"/>
      <c r="G3" s="18"/>
      <c r="H3" s="18"/>
      <c r="I3" s="18"/>
      <c r="J3" s="18"/>
      <c r="K3" s="18"/>
      <c r="L3" s="18"/>
      <c r="M3" s="18"/>
      <c r="N3" s="18"/>
      <c r="O3" s="18"/>
      <c r="P3" s="18"/>
      <c r="Q3" s="18"/>
      <c r="R3" s="18"/>
      <c r="S3" s="18"/>
      <c r="T3" s="18"/>
      <c r="U3" s="18"/>
      <c r="V3" s="18"/>
      <c r="W3" s="18"/>
      <c r="X3" s="18"/>
      <c r="Y3" s="18"/>
      <c r="Z3" s="18"/>
      <c r="AA3" s="18"/>
      <c r="AB3" s="18"/>
      <c r="AC3" s="18"/>
      <c r="AD3" s="18"/>
      <c r="AE3" s="18"/>
      <c r="AF3" s="18"/>
      <c r="AG3" s="18"/>
      <c r="AH3" s="18"/>
      <c r="AI3" s="18"/>
      <c r="AJ3" s="18"/>
      <c r="AK3" s="18"/>
      <c r="AL3" s="18"/>
      <c r="AM3" s="18"/>
      <c r="AN3" s="18"/>
      <c r="AO3" s="18"/>
      <c r="AP3" s="18"/>
      <c r="AQ3" s="18"/>
      <c r="AR3" s="18"/>
    </row>
    <row r="4" spans="1:44">
      <c r="A4" s="20" t="s">
        <v>44</v>
      </c>
      <c r="B4" s="11" t="s">
        <v>54</v>
      </c>
      <c r="C4" s="10"/>
    </row>
    <row r="5" spans="1:44">
      <c r="A5" s="21" t="s">
        <v>61</v>
      </c>
      <c r="B5" s="12" t="s">
        <v>55</v>
      </c>
      <c r="C5" s="10"/>
    </row>
    <row r="6" spans="1:44">
      <c r="A6" s="19" t="s">
        <v>45</v>
      </c>
      <c r="B6" s="36" t="s">
        <v>45</v>
      </c>
      <c r="C6" s="10"/>
    </row>
    <row r="7" spans="1:44">
      <c r="A7" s="19" t="s">
        <v>46</v>
      </c>
      <c r="B7" s="4" t="s">
        <v>224</v>
      </c>
      <c r="C7" s="10"/>
    </row>
    <row r="8" spans="1:44">
      <c r="A8" s="19" t="s">
        <v>47</v>
      </c>
      <c r="B8" s="4" t="s">
        <v>47</v>
      </c>
      <c r="C8" s="10"/>
    </row>
    <row r="9" spans="1:44">
      <c r="A9" s="19" t="s">
        <v>52</v>
      </c>
      <c r="B9" s="4" t="s">
        <v>225</v>
      </c>
      <c r="C9" s="10"/>
    </row>
    <row r="10" spans="1:44">
      <c r="A10" s="19" t="s">
        <v>48</v>
      </c>
      <c r="B10" s="4" t="s">
        <v>86</v>
      </c>
      <c r="C10" s="10"/>
    </row>
    <row r="11" spans="1:44">
      <c r="A11" s="19" t="s">
        <v>49</v>
      </c>
      <c r="B11" s="4" t="s">
        <v>87</v>
      </c>
      <c r="C11" s="10"/>
    </row>
    <row r="12" spans="1:44">
      <c r="A12" s="21" t="s">
        <v>50</v>
      </c>
      <c r="B12" s="4" t="s">
        <v>88</v>
      </c>
      <c r="C12" s="10"/>
    </row>
    <row r="13" spans="1:44">
      <c r="A13" s="22" t="s">
        <v>51</v>
      </c>
      <c r="B13" s="37" t="s">
        <v>89</v>
      </c>
      <c r="C13" s="10"/>
    </row>
    <row r="14" spans="1:44">
      <c r="B14" s="33" t="s">
        <v>90</v>
      </c>
      <c r="C14" s="31" t="s">
        <v>244</v>
      </c>
    </row>
    <row r="15" spans="1:44">
      <c r="B15" s="34" t="s">
        <v>91</v>
      </c>
      <c r="C15" s="35"/>
    </row>
    <row r="16" spans="1:44">
      <c r="B16" s="36" t="s">
        <v>226</v>
      </c>
      <c r="C16" s="10"/>
    </row>
    <row r="17" spans="2:3">
      <c r="B17" s="4" t="s">
        <v>93</v>
      </c>
      <c r="C17" s="10"/>
    </row>
    <row r="18" spans="2:3">
      <c r="B18" s="4" t="s">
        <v>94</v>
      </c>
      <c r="C18" s="10"/>
    </row>
    <row r="19" spans="2:3">
      <c r="B19" s="4" t="s">
        <v>95</v>
      </c>
      <c r="C19" s="10"/>
    </row>
    <row r="20" spans="2:3">
      <c r="B20" s="4" t="s">
        <v>96</v>
      </c>
      <c r="C20" s="10"/>
    </row>
    <row r="21" spans="2:3">
      <c r="B21" s="4" t="s">
        <v>97</v>
      </c>
      <c r="C21" s="10"/>
    </row>
    <row r="22" spans="2:3">
      <c r="B22" s="4" t="s">
        <v>98</v>
      </c>
      <c r="C22" s="10"/>
    </row>
    <row r="23" spans="2:3">
      <c r="B23" s="4" t="s">
        <v>99</v>
      </c>
      <c r="C23" s="10"/>
    </row>
    <row r="24" spans="2:3">
      <c r="B24" s="4" t="s">
        <v>100</v>
      </c>
      <c r="C24" s="10"/>
    </row>
    <row r="25" spans="2:3">
      <c r="B25" s="4" t="s">
        <v>101</v>
      </c>
      <c r="C25" s="10"/>
    </row>
    <row r="26" spans="2:3">
      <c r="B26" s="4" t="s">
        <v>102</v>
      </c>
      <c r="C26" s="10"/>
    </row>
    <row r="27" spans="2:3">
      <c r="B27" s="4" t="s">
        <v>103</v>
      </c>
      <c r="C27" s="10"/>
    </row>
    <row r="28" spans="2:3">
      <c r="B28" s="4" t="s">
        <v>104</v>
      </c>
      <c r="C28" s="10"/>
    </row>
    <row r="29" spans="2:3">
      <c r="B29" s="4" t="s">
        <v>105</v>
      </c>
      <c r="C29" s="10"/>
    </row>
    <row r="30" spans="2:3">
      <c r="B30" s="4" t="s">
        <v>106</v>
      </c>
      <c r="C30" s="10"/>
    </row>
    <row r="31" spans="2:3">
      <c r="B31" s="4" t="s">
        <v>107</v>
      </c>
      <c r="C31" s="10"/>
    </row>
    <row r="32" spans="2:3">
      <c r="B32" s="4" t="s">
        <v>108</v>
      </c>
      <c r="C32" s="10"/>
    </row>
    <row r="33" spans="2:3">
      <c r="B33" s="4" t="s">
        <v>109</v>
      </c>
      <c r="C33" s="10"/>
    </row>
    <row r="34" spans="2:3">
      <c r="B34" s="4" t="s">
        <v>110</v>
      </c>
      <c r="C34" s="10"/>
    </row>
    <row r="35" spans="2:3">
      <c r="B35" s="4" t="s">
        <v>111</v>
      </c>
      <c r="C35" s="10"/>
    </row>
    <row r="36" spans="2:3">
      <c r="B36" s="4" t="s">
        <v>112</v>
      </c>
      <c r="C36" s="10"/>
    </row>
    <row r="37" spans="2:3">
      <c r="B37" s="4" t="s">
        <v>113</v>
      </c>
      <c r="C37" s="10"/>
    </row>
    <row r="38" spans="2:3">
      <c r="B38" s="4" t="s">
        <v>114</v>
      </c>
      <c r="C38" s="10"/>
    </row>
    <row r="39" spans="2:3">
      <c r="B39" s="4" t="s">
        <v>115</v>
      </c>
      <c r="C39" s="10"/>
    </row>
    <row r="40" spans="2:3">
      <c r="B40" s="4" t="s">
        <v>116</v>
      </c>
      <c r="C40" s="10"/>
    </row>
    <row r="41" spans="2:3">
      <c r="B41" s="4" t="s">
        <v>117</v>
      </c>
      <c r="C41" s="10"/>
    </row>
    <row r="42" spans="2:3">
      <c r="B42" s="4" t="s">
        <v>118</v>
      </c>
      <c r="C42" s="10"/>
    </row>
    <row r="43" spans="2:3">
      <c r="B43" s="4" t="s">
        <v>119</v>
      </c>
      <c r="C43" s="10"/>
    </row>
    <row r="44" spans="2:3">
      <c r="B44" s="4" t="s">
        <v>120</v>
      </c>
      <c r="C44" s="10"/>
    </row>
    <row r="45" spans="2:3">
      <c r="B45" s="4" t="s">
        <v>121</v>
      </c>
      <c r="C45" s="10"/>
    </row>
    <row r="46" spans="2:3">
      <c r="B46" s="4" t="s">
        <v>122</v>
      </c>
      <c r="C46" s="10"/>
    </row>
    <row r="47" spans="2:3">
      <c r="B47" s="4" t="s">
        <v>123</v>
      </c>
      <c r="C47" s="10"/>
    </row>
    <row r="48" spans="2:3">
      <c r="B48" s="4" t="s">
        <v>124</v>
      </c>
      <c r="C48" s="10"/>
    </row>
    <row r="49" spans="2:3">
      <c r="B49" s="4" t="s">
        <v>125</v>
      </c>
      <c r="C49" s="10"/>
    </row>
    <row r="50" spans="2:3">
      <c r="B50" s="4" t="s">
        <v>126</v>
      </c>
      <c r="C50" s="10"/>
    </row>
    <row r="51" spans="2:3">
      <c r="B51" s="4" t="s">
        <v>127</v>
      </c>
      <c r="C51" s="10"/>
    </row>
    <row r="52" spans="2:3">
      <c r="B52" s="4" t="s">
        <v>128</v>
      </c>
      <c r="C52" s="10"/>
    </row>
    <row r="53" spans="2:3">
      <c r="B53" s="4" t="s">
        <v>129</v>
      </c>
      <c r="C53" s="10"/>
    </row>
    <row r="54" spans="2:3">
      <c r="B54" s="4" t="s">
        <v>130</v>
      </c>
      <c r="C54" s="10"/>
    </row>
    <row r="55" spans="2:3">
      <c r="B55" s="4" t="s">
        <v>131</v>
      </c>
      <c r="C55" s="10"/>
    </row>
    <row r="56" spans="2:3">
      <c r="B56" s="4" t="s">
        <v>132</v>
      </c>
      <c r="C56" s="10"/>
    </row>
    <row r="57" spans="2:3">
      <c r="B57" s="4" t="s">
        <v>133</v>
      </c>
      <c r="C57" s="10"/>
    </row>
    <row r="58" spans="2:3">
      <c r="B58" s="4" t="s">
        <v>134</v>
      </c>
      <c r="C58" s="10"/>
    </row>
    <row r="59" spans="2:3">
      <c r="B59" s="4" t="s">
        <v>135</v>
      </c>
      <c r="C59" s="10"/>
    </row>
    <row r="60" spans="2:3">
      <c r="B60" s="4" t="s">
        <v>136</v>
      </c>
      <c r="C60" s="10"/>
    </row>
    <row r="61" spans="2:3">
      <c r="B61" s="4" t="s">
        <v>137</v>
      </c>
      <c r="C61" s="10"/>
    </row>
    <row r="62" spans="2:3">
      <c r="B62" s="4" t="s">
        <v>138</v>
      </c>
      <c r="C62" s="10"/>
    </row>
    <row r="63" spans="2:3">
      <c r="B63" s="4" t="s">
        <v>139</v>
      </c>
      <c r="C63" s="10"/>
    </row>
    <row r="64" spans="2:3">
      <c r="B64" s="4" t="s">
        <v>140</v>
      </c>
      <c r="C64" s="10"/>
    </row>
    <row r="65" spans="2:3">
      <c r="B65" s="4" t="s">
        <v>141</v>
      </c>
      <c r="C65" s="10"/>
    </row>
    <row r="66" spans="2:3">
      <c r="B66" s="4" t="s">
        <v>142</v>
      </c>
      <c r="C66" s="10"/>
    </row>
    <row r="67" spans="2:3">
      <c r="B67" s="4" t="s">
        <v>143</v>
      </c>
      <c r="C67" s="10"/>
    </row>
    <row r="68" spans="2:3">
      <c r="B68" s="4" t="s">
        <v>144</v>
      </c>
      <c r="C68" s="10"/>
    </row>
    <row r="69" spans="2:3">
      <c r="B69" s="4" t="s">
        <v>145</v>
      </c>
      <c r="C69" s="10"/>
    </row>
    <row r="70" spans="2:3">
      <c r="B70" s="4" t="s">
        <v>146</v>
      </c>
      <c r="C70" s="10"/>
    </row>
    <row r="71" spans="2:3">
      <c r="B71" s="4" t="s">
        <v>147</v>
      </c>
      <c r="C71" s="10"/>
    </row>
    <row r="72" spans="2:3">
      <c r="B72" s="4" t="s">
        <v>148</v>
      </c>
      <c r="C72" s="10"/>
    </row>
    <row r="73" spans="2:3">
      <c r="B73" s="4" t="s">
        <v>149</v>
      </c>
      <c r="C73" s="10"/>
    </row>
    <row r="74" spans="2:3">
      <c r="B74" s="4" t="s">
        <v>150</v>
      </c>
      <c r="C74" s="10"/>
    </row>
    <row r="75" spans="2:3">
      <c r="B75" s="4" t="s">
        <v>151</v>
      </c>
      <c r="C75" s="10"/>
    </row>
    <row r="76" spans="2:3">
      <c r="B76" s="4" t="s">
        <v>152</v>
      </c>
      <c r="C76" s="10"/>
    </row>
    <row r="77" spans="2:3">
      <c r="B77" s="4" t="s">
        <v>153</v>
      </c>
      <c r="C77" s="10"/>
    </row>
    <row r="78" spans="2:3">
      <c r="B78" s="4" t="s">
        <v>154</v>
      </c>
      <c r="C78" s="10"/>
    </row>
    <row r="79" spans="2:3">
      <c r="B79" s="4" t="s">
        <v>155</v>
      </c>
      <c r="C79" s="10"/>
    </row>
    <row r="80" spans="2:3">
      <c r="B80" s="4" t="s">
        <v>156</v>
      </c>
      <c r="C80" s="10"/>
    </row>
    <row r="81" spans="2:3">
      <c r="B81" s="4" t="s">
        <v>157</v>
      </c>
      <c r="C81" s="10"/>
    </row>
    <row r="82" spans="2:3">
      <c r="B82" s="4" t="s">
        <v>158</v>
      </c>
      <c r="C82" s="10"/>
    </row>
    <row r="83" spans="2:3">
      <c r="B83" s="4" t="s">
        <v>159</v>
      </c>
      <c r="C83" s="10"/>
    </row>
    <row r="84" spans="2:3">
      <c r="B84" s="4" t="s">
        <v>160</v>
      </c>
      <c r="C84" s="10"/>
    </row>
    <row r="85" spans="2:3">
      <c r="B85" s="4" t="s">
        <v>161</v>
      </c>
      <c r="C85" s="10"/>
    </row>
    <row r="86" spans="2:3">
      <c r="B86" s="4" t="s">
        <v>162</v>
      </c>
      <c r="C86" s="10"/>
    </row>
    <row r="87" spans="2:3">
      <c r="B87" s="4" t="s">
        <v>163</v>
      </c>
      <c r="C87" s="10"/>
    </row>
    <row r="88" spans="2:3">
      <c r="B88" s="4" t="s">
        <v>164</v>
      </c>
      <c r="C88" s="10"/>
    </row>
    <row r="89" spans="2:3">
      <c r="B89" s="4" t="s">
        <v>165</v>
      </c>
      <c r="C89" s="10"/>
    </row>
    <row r="90" spans="2:3">
      <c r="B90" s="4" t="s">
        <v>166</v>
      </c>
      <c r="C90" s="10"/>
    </row>
    <row r="91" spans="2:3">
      <c r="B91" s="4" t="s">
        <v>167</v>
      </c>
      <c r="C91" s="10"/>
    </row>
    <row r="92" spans="2:3">
      <c r="B92" s="4" t="s">
        <v>168</v>
      </c>
      <c r="C92" s="10"/>
    </row>
    <row r="93" spans="2:3">
      <c r="B93" s="4" t="s">
        <v>169</v>
      </c>
      <c r="C93" s="10"/>
    </row>
    <row r="94" spans="2:3">
      <c r="B94" s="4" t="s">
        <v>170</v>
      </c>
      <c r="C94" s="10"/>
    </row>
    <row r="95" spans="2:3">
      <c r="B95" s="4" t="s">
        <v>171</v>
      </c>
      <c r="C95" s="10"/>
    </row>
    <row r="96" spans="2:3">
      <c r="B96" s="4" t="s">
        <v>172</v>
      </c>
      <c r="C96" s="10"/>
    </row>
    <row r="97" spans="2:3">
      <c r="B97" s="4" t="s">
        <v>173</v>
      </c>
      <c r="C97" s="10"/>
    </row>
    <row r="98" spans="2:3">
      <c r="B98" s="4" t="s">
        <v>174</v>
      </c>
      <c r="C98" s="10"/>
    </row>
    <row r="99" spans="2:3">
      <c r="B99" s="4" t="s">
        <v>175</v>
      </c>
      <c r="C99" s="10"/>
    </row>
    <row r="100" spans="2:3">
      <c r="B100" s="4" t="s">
        <v>176</v>
      </c>
      <c r="C100" s="10"/>
    </row>
    <row r="101" spans="2:3">
      <c r="B101" s="4" t="s">
        <v>177</v>
      </c>
      <c r="C101" s="10"/>
    </row>
    <row r="102" spans="2:3">
      <c r="B102" s="4" t="s">
        <v>178</v>
      </c>
      <c r="C102" s="10"/>
    </row>
    <row r="103" spans="2:3">
      <c r="B103" s="4" t="s">
        <v>179</v>
      </c>
      <c r="C103" s="10"/>
    </row>
    <row r="104" spans="2:3">
      <c r="B104" s="4" t="s">
        <v>180</v>
      </c>
      <c r="C104" s="10"/>
    </row>
    <row r="105" spans="2:3">
      <c r="B105" s="4" t="s">
        <v>181</v>
      </c>
      <c r="C105" s="10"/>
    </row>
    <row r="106" spans="2:3">
      <c r="B106" s="4" t="s">
        <v>182</v>
      </c>
      <c r="C106" s="10"/>
    </row>
    <row r="107" spans="2:3">
      <c r="B107" s="4" t="s">
        <v>183</v>
      </c>
      <c r="C107" s="10"/>
    </row>
    <row r="108" spans="2:3">
      <c r="B108" s="4" t="s">
        <v>184</v>
      </c>
      <c r="C108" s="10"/>
    </row>
    <row r="109" spans="2:3">
      <c r="B109" s="4" t="s">
        <v>185</v>
      </c>
      <c r="C109" s="10"/>
    </row>
    <row r="110" spans="2:3">
      <c r="B110" s="4" t="s">
        <v>186</v>
      </c>
      <c r="C110" s="10"/>
    </row>
    <row r="111" spans="2:3">
      <c r="B111" s="4" t="s">
        <v>187</v>
      </c>
      <c r="C111" s="10"/>
    </row>
    <row r="112" spans="2:3">
      <c r="B112" s="4" t="s">
        <v>188</v>
      </c>
      <c r="C112" s="10"/>
    </row>
    <row r="113" spans="2:3">
      <c r="B113" s="4" t="s">
        <v>189</v>
      </c>
      <c r="C113" s="10"/>
    </row>
    <row r="114" spans="2:3">
      <c r="B114" s="4" t="s">
        <v>190</v>
      </c>
      <c r="C114" s="10"/>
    </row>
    <row r="115" spans="2:3">
      <c r="B115" s="37" t="s">
        <v>189</v>
      </c>
      <c r="C115" s="10"/>
    </row>
    <row r="116" spans="2:3">
      <c r="B116" s="40" t="s">
        <v>248</v>
      </c>
      <c r="C116" s="31" t="s">
        <v>245</v>
      </c>
    </row>
    <row r="117" spans="2:3">
      <c r="B117" s="41" t="s">
        <v>246</v>
      </c>
      <c r="C117" s="39" t="s">
        <v>250</v>
      </c>
    </row>
    <row r="118" spans="2:3">
      <c r="B118" s="41" t="s">
        <v>247</v>
      </c>
      <c r="C118" s="39"/>
    </row>
    <row r="119" spans="2:3">
      <c r="B119" s="41" t="s">
        <v>249</v>
      </c>
      <c r="C119" s="39"/>
    </row>
    <row r="120" spans="2:3">
      <c r="B120" s="42" t="s">
        <v>191</v>
      </c>
      <c r="C120" s="38"/>
    </row>
    <row r="121" spans="2:3">
      <c r="B121" s="34" t="s">
        <v>192</v>
      </c>
      <c r="C121" s="35"/>
    </row>
    <row r="122" spans="2:3">
      <c r="B122" s="36" t="s">
        <v>193</v>
      </c>
      <c r="C122" s="10"/>
    </row>
    <row r="123" spans="2:3">
      <c r="B123" s="4" t="s">
        <v>194</v>
      </c>
      <c r="C123" s="10"/>
    </row>
    <row r="124" spans="2:3">
      <c r="B124" s="4" t="s">
        <v>195</v>
      </c>
      <c r="C124" s="10"/>
    </row>
    <row r="125" spans="2:3">
      <c r="B125" s="4" t="s">
        <v>191</v>
      </c>
      <c r="C125" s="10"/>
    </row>
    <row r="126" spans="2:3">
      <c r="B126" s="4" t="s">
        <v>227</v>
      </c>
      <c r="C126" s="10"/>
    </row>
    <row r="127" spans="2:3">
      <c r="B127" s="37" t="s">
        <v>47</v>
      </c>
      <c r="C127" s="10"/>
    </row>
    <row r="128" spans="2:3">
      <c r="B128" s="33" t="s">
        <v>228</v>
      </c>
      <c r="C128" s="31" t="s">
        <v>251</v>
      </c>
    </row>
    <row r="129" spans="2:3">
      <c r="B129" s="42" t="s">
        <v>229</v>
      </c>
      <c r="C129" s="38"/>
    </row>
    <row r="130" spans="2:3">
      <c r="B130" s="42" t="s">
        <v>47</v>
      </c>
      <c r="C130" s="38"/>
    </row>
    <row r="131" spans="2:3">
      <c r="B131" s="42" t="s">
        <v>230</v>
      </c>
      <c r="C131" s="38"/>
    </row>
    <row r="132" spans="2:3">
      <c r="B132" s="42" t="s">
        <v>47</v>
      </c>
      <c r="C132" s="38"/>
    </row>
    <row r="133" spans="2:3">
      <c r="B133" s="42" t="s">
        <v>231</v>
      </c>
      <c r="C133" s="38"/>
    </row>
    <row r="134" spans="2:3">
      <c r="B134" s="42" t="s">
        <v>232</v>
      </c>
      <c r="C134" s="38"/>
    </row>
    <row r="135" spans="2:3">
      <c r="B135" s="42" t="s">
        <v>233</v>
      </c>
      <c r="C135" s="38"/>
    </row>
    <row r="136" spans="2:3">
      <c r="B136" s="42" t="s">
        <v>234</v>
      </c>
      <c r="C136" s="38"/>
    </row>
    <row r="137" spans="2:3">
      <c r="B137" s="42" t="s">
        <v>202</v>
      </c>
      <c r="C137" s="38"/>
    </row>
    <row r="138" spans="2:3">
      <c r="B138" s="42" t="s">
        <v>203</v>
      </c>
      <c r="C138" s="38"/>
    </row>
    <row r="139" spans="2:3">
      <c r="B139" s="42" t="s">
        <v>204</v>
      </c>
      <c r="C139" s="38"/>
    </row>
    <row r="140" spans="2:3">
      <c r="B140" s="42" t="s">
        <v>205</v>
      </c>
      <c r="C140" s="38"/>
    </row>
    <row r="141" spans="2:3">
      <c r="B141" s="42" t="s">
        <v>235</v>
      </c>
      <c r="C141" s="38"/>
    </row>
    <row r="142" spans="2:3">
      <c r="B142" s="42" t="s">
        <v>47</v>
      </c>
      <c r="C142" s="38"/>
    </row>
    <row r="143" spans="2:3">
      <c r="B143" s="42" t="s">
        <v>236</v>
      </c>
      <c r="C143" s="38"/>
    </row>
    <row r="144" spans="2:3">
      <c r="B144" s="42" t="s">
        <v>237</v>
      </c>
      <c r="C144" s="38"/>
    </row>
    <row r="145" spans="2:3">
      <c r="B145" s="34" t="s">
        <v>238</v>
      </c>
      <c r="C145" s="35"/>
    </row>
    <row r="146" spans="2:3">
      <c r="B146" s="36" t="s">
        <v>239</v>
      </c>
      <c r="C146" s="10"/>
    </row>
    <row r="147" spans="2:3">
      <c r="B147" s="4" t="s">
        <v>240</v>
      </c>
      <c r="C147" s="10"/>
    </row>
    <row r="148" spans="2:3">
      <c r="B148" s="4" t="s">
        <v>241</v>
      </c>
      <c r="C148" s="10"/>
    </row>
    <row r="149" spans="2:3">
      <c r="B149" s="4" t="s">
        <v>242</v>
      </c>
      <c r="C149" s="10"/>
    </row>
    <row r="150" spans="2:3">
      <c r="B150" s="37" t="s">
        <v>243</v>
      </c>
      <c r="C150" s="10"/>
    </row>
    <row r="151" spans="2:3">
      <c r="B151" s="1"/>
      <c r="C151" s="10"/>
    </row>
    <row r="152" spans="2:3">
      <c r="B152" s="1"/>
      <c r="C152" s="10"/>
    </row>
    <row r="153" spans="2:3">
      <c r="B153" s="1"/>
      <c r="C153" s="10"/>
    </row>
    <row r="154" spans="2:3">
      <c r="B154" s="1"/>
      <c r="C154" s="10"/>
    </row>
    <row r="155" spans="2:3">
      <c r="B155" s="1"/>
      <c r="C155" s="10"/>
    </row>
    <row r="156" spans="2:3">
      <c r="B156" s="1"/>
      <c r="C156" s="10"/>
    </row>
    <row r="157" spans="2:3">
      <c r="B157" s="1"/>
      <c r="C157" s="10"/>
    </row>
    <row r="158" spans="2:3">
      <c r="B158" s="1"/>
      <c r="C158" s="10"/>
    </row>
    <row r="159" spans="2:3">
      <c r="B159" s="1"/>
      <c r="C159" s="10"/>
    </row>
    <row r="160" spans="2:3">
      <c r="B160" s="1"/>
      <c r="C160" s="10"/>
    </row>
    <row r="161" spans="2:3">
      <c r="B161" s="1"/>
      <c r="C161" s="10"/>
    </row>
    <row r="162" spans="2:3">
      <c r="B162" s="1"/>
      <c r="C162" s="10"/>
    </row>
    <row r="163" spans="2:3">
      <c r="B163" s="1"/>
      <c r="C163" s="10"/>
    </row>
    <row r="164" spans="2:3">
      <c r="B164" s="1"/>
      <c r="C164" s="10"/>
    </row>
    <row r="165" spans="2:3">
      <c r="B165" s="1"/>
      <c r="C165" s="10"/>
    </row>
    <row r="166" spans="2:3">
      <c r="B166" s="1"/>
      <c r="C166" s="10"/>
    </row>
    <row r="167" spans="2:3">
      <c r="B167" s="1"/>
      <c r="C167" s="10"/>
    </row>
    <row r="168" spans="2:3">
      <c r="B168" s="1"/>
      <c r="C168" s="10"/>
    </row>
    <row r="169" spans="2:3">
      <c r="B169" s="1"/>
      <c r="C169" s="10"/>
    </row>
    <row r="170" spans="2:3">
      <c r="B170" s="1"/>
      <c r="C170" s="10"/>
    </row>
    <row r="171" spans="2:3">
      <c r="B171" s="10"/>
      <c r="C171" s="10"/>
    </row>
    <row r="172" spans="2:3">
      <c r="B172" s="10"/>
      <c r="C172" s="10"/>
    </row>
    <row r="173" spans="2:3">
      <c r="B173" s="10"/>
      <c r="C173" s="10"/>
    </row>
    <row r="174" spans="2:3">
      <c r="B174" s="10"/>
      <c r="C174" s="10"/>
    </row>
    <row r="175" spans="2:3">
      <c r="B175" s="10"/>
      <c r="C175" s="10"/>
    </row>
    <row r="176" spans="2:3">
      <c r="B176" s="10"/>
      <c r="C176" s="10"/>
    </row>
    <row r="177" spans="2:3">
      <c r="B177" s="10"/>
      <c r="C177" s="10"/>
    </row>
    <row r="178" spans="2:3">
      <c r="B178" s="10"/>
      <c r="C178" s="10"/>
    </row>
    <row r="179" spans="2:3">
      <c r="B179" s="10"/>
      <c r="C179" s="10"/>
    </row>
    <row r="180" spans="2:3">
      <c r="B180" s="10"/>
      <c r="C180" s="10"/>
    </row>
    <row r="181" spans="2:3">
      <c r="B181" s="10"/>
      <c r="C181" s="10"/>
    </row>
    <row r="182" spans="2:3">
      <c r="B182" s="10"/>
      <c r="C182" s="10"/>
    </row>
    <row r="183" spans="2:3">
      <c r="B183" s="10"/>
      <c r="C183" s="10"/>
    </row>
    <row r="184" spans="2:3">
      <c r="B184" s="10"/>
      <c r="C184" s="10"/>
    </row>
    <row r="185" spans="2:3">
      <c r="B185" s="10"/>
      <c r="C185" s="10"/>
    </row>
    <row r="186" spans="2:3">
      <c r="B186" s="10"/>
      <c r="C186" s="10"/>
    </row>
    <row r="187" spans="2:3">
      <c r="B187" s="10"/>
      <c r="C187" s="10"/>
    </row>
    <row r="188" spans="2:3">
      <c r="B188" s="10"/>
      <c r="C188" s="10"/>
    </row>
    <row r="189" spans="2:3">
      <c r="B189" s="10"/>
      <c r="C189" s="10"/>
    </row>
    <row r="190" spans="2:3">
      <c r="B190" s="10"/>
      <c r="C190" s="10"/>
    </row>
    <row r="191" spans="2:3">
      <c r="B191" s="10"/>
      <c r="C191" s="10"/>
    </row>
    <row r="192" spans="2:3">
      <c r="B192" s="10"/>
      <c r="C192" s="10"/>
    </row>
    <row r="193" spans="2:3">
      <c r="B193" s="10"/>
      <c r="C193" s="10"/>
    </row>
    <row r="194" spans="2:3">
      <c r="B194" s="10"/>
      <c r="C194" s="10"/>
    </row>
    <row r="195" spans="2:3">
      <c r="B195" s="10"/>
      <c r="C195" s="10"/>
    </row>
    <row r="196" spans="2:3">
      <c r="B196" s="10"/>
      <c r="C196" s="10"/>
    </row>
    <row r="197" spans="2:3">
      <c r="B197" s="10"/>
      <c r="C197" s="10"/>
    </row>
    <row r="198" spans="2:3">
      <c r="B198" s="10"/>
      <c r="C198" s="10"/>
    </row>
    <row r="199" spans="2:3">
      <c r="B199" s="10"/>
      <c r="C199" s="10"/>
    </row>
    <row r="200" spans="2:3">
      <c r="B200" s="10"/>
      <c r="C200" s="10"/>
    </row>
    <row r="201" spans="2:3">
      <c r="B201" s="10"/>
      <c r="C201" s="10"/>
    </row>
    <row r="202" spans="2:3">
      <c r="B202" s="10"/>
      <c r="C202" s="10"/>
    </row>
    <row r="203" spans="2:3">
      <c r="B203" s="10"/>
      <c r="C203" s="10"/>
    </row>
    <row r="204" spans="2:3">
      <c r="B204" s="10"/>
      <c r="C204" s="10"/>
    </row>
    <row r="205" spans="2:3">
      <c r="B205" s="10"/>
      <c r="C205" s="10"/>
    </row>
    <row r="206" spans="2:3">
      <c r="B206" s="10"/>
      <c r="C206" s="10"/>
    </row>
    <row r="207" spans="2:3">
      <c r="B207" s="10"/>
      <c r="C207" s="10"/>
    </row>
    <row r="208" spans="2:3">
      <c r="B208" s="10"/>
      <c r="C208" s="10"/>
    </row>
    <row r="209" spans="2:3">
      <c r="B209" s="10"/>
      <c r="C209" s="10"/>
    </row>
    <row r="210" spans="2:3">
      <c r="B210" s="10"/>
      <c r="C210" s="10"/>
    </row>
    <row r="211" spans="2:3">
      <c r="B211" s="10"/>
      <c r="C211" s="10"/>
    </row>
    <row r="212" spans="2:3">
      <c r="B212" s="10"/>
      <c r="C212" s="10"/>
    </row>
    <row r="213" spans="2:3">
      <c r="B213" s="10"/>
      <c r="C213" s="10"/>
    </row>
    <row r="214" spans="2:3">
      <c r="B214" s="10"/>
      <c r="C214" s="10"/>
    </row>
    <row r="215" spans="2:3">
      <c r="B215" s="10"/>
      <c r="C215" s="10"/>
    </row>
    <row r="216" spans="2:3">
      <c r="B216" s="10"/>
      <c r="C216" s="10"/>
    </row>
    <row r="217" spans="2:3">
      <c r="B217" s="10"/>
      <c r="C217" s="10"/>
    </row>
    <row r="218" spans="2:3">
      <c r="B218" s="10"/>
      <c r="C218" s="10"/>
    </row>
    <row r="219" spans="2:3">
      <c r="B219" s="10"/>
      <c r="C219" s="10"/>
    </row>
    <row r="220" spans="2:3">
      <c r="B220" s="10"/>
      <c r="C220" s="10"/>
    </row>
    <row r="221" spans="2:3">
      <c r="B221" s="10"/>
      <c r="C221" s="10"/>
    </row>
    <row r="222" spans="2:3">
      <c r="B222" s="10"/>
      <c r="C222" s="10"/>
    </row>
    <row r="223" spans="2:3">
      <c r="B223" s="10"/>
      <c r="C223" s="10"/>
    </row>
    <row r="224" spans="2:3">
      <c r="B224" s="10"/>
      <c r="C224" s="10"/>
    </row>
    <row r="225" spans="2:3">
      <c r="B225" s="10"/>
      <c r="C225" s="10"/>
    </row>
    <row r="226" spans="2:3">
      <c r="B226" s="10"/>
      <c r="C226" s="10"/>
    </row>
    <row r="227" spans="2:3">
      <c r="B227" s="10"/>
      <c r="C227" s="10"/>
    </row>
    <row r="228" spans="2:3">
      <c r="B228" s="10"/>
      <c r="C228" s="10"/>
    </row>
    <row r="229" spans="2:3">
      <c r="B229" s="10"/>
      <c r="C229" s="10"/>
    </row>
    <row r="230" spans="2:3">
      <c r="B230" s="10"/>
      <c r="C230" s="10"/>
    </row>
    <row r="231" spans="2:3">
      <c r="B231" s="10"/>
      <c r="C231" s="10"/>
    </row>
    <row r="232" spans="2:3">
      <c r="B232" s="10"/>
      <c r="C232" s="10"/>
    </row>
    <row r="233" spans="2:3">
      <c r="B233" s="10"/>
      <c r="C233" s="10"/>
    </row>
    <row r="234" spans="2:3">
      <c r="B234" s="10"/>
      <c r="C234" s="10"/>
    </row>
    <row r="235" spans="2:3">
      <c r="B235" s="10"/>
      <c r="C235" s="10"/>
    </row>
    <row r="236" spans="2:3">
      <c r="B236" s="10"/>
      <c r="C236" s="10"/>
    </row>
    <row r="237" spans="2:3">
      <c r="B237" s="10"/>
      <c r="C237" s="10"/>
    </row>
    <row r="238" spans="2:3">
      <c r="B238" s="10"/>
      <c r="C238" s="10"/>
    </row>
    <row r="239" spans="2:3">
      <c r="B239" s="10"/>
      <c r="C239" s="10"/>
    </row>
    <row r="240" spans="2:3">
      <c r="B240" s="10"/>
      <c r="C240" s="10"/>
    </row>
    <row r="241" spans="2:3">
      <c r="B241" s="10"/>
      <c r="C241" s="10"/>
    </row>
    <row r="242" spans="2:3">
      <c r="B242" s="10"/>
      <c r="C242" s="10"/>
    </row>
    <row r="243" spans="2:3">
      <c r="B243" s="10"/>
      <c r="C243" s="10"/>
    </row>
    <row r="244" spans="2:3">
      <c r="B244" s="10"/>
      <c r="C244" s="10"/>
    </row>
    <row r="245" spans="2:3">
      <c r="B245" s="10"/>
      <c r="C245" s="10"/>
    </row>
    <row r="246" spans="2:3">
      <c r="B246" s="10"/>
      <c r="C246" s="10"/>
    </row>
    <row r="247" spans="2:3">
      <c r="B247" s="10"/>
      <c r="C247" s="10"/>
    </row>
    <row r="248" spans="2:3">
      <c r="B248" s="10"/>
      <c r="C248" s="10"/>
    </row>
    <row r="249" spans="2:3">
      <c r="B249" s="10"/>
      <c r="C249" s="10"/>
    </row>
    <row r="250" spans="2:3">
      <c r="B250" s="10"/>
      <c r="C250" s="10"/>
    </row>
    <row r="251" spans="2:3">
      <c r="B251" s="10"/>
      <c r="C251" s="10"/>
    </row>
    <row r="252" spans="2:3">
      <c r="B252" s="10"/>
      <c r="C252" s="10"/>
    </row>
    <row r="253" spans="2:3">
      <c r="B253" s="10"/>
      <c r="C253" s="10"/>
    </row>
    <row r="254" spans="2:3">
      <c r="B254" s="10"/>
      <c r="C254" s="10"/>
    </row>
    <row r="255" spans="2:3">
      <c r="B255" s="10"/>
      <c r="C255" s="10"/>
    </row>
    <row r="256" spans="2:3">
      <c r="B256" s="10"/>
      <c r="C256" s="10"/>
    </row>
    <row r="257" spans="2:3">
      <c r="B257" s="10"/>
      <c r="C257" s="10"/>
    </row>
    <row r="258" spans="2:3">
      <c r="B258" s="10"/>
      <c r="C258" s="10"/>
    </row>
    <row r="259" spans="2:3">
      <c r="B259" s="10"/>
      <c r="C259" s="10"/>
    </row>
    <row r="260" spans="2:3">
      <c r="B260" s="10"/>
      <c r="C260" s="10"/>
    </row>
    <row r="261" spans="2:3">
      <c r="B261" s="10"/>
      <c r="C261" s="10"/>
    </row>
    <row r="262" spans="2:3">
      <c r="B262" s="10"/>
      <c r="C262" s="10"/>
    </row>
    <row r="263" spans="2:3">
      <c r="B263" s="10"/>
      <c r="C263" s="10"/>
    </row>
    <row r="264" spans="2:3">
      <c r="B264" s="10"/>
      <c r="C264" s="10"/>
    </row>
    <row r="265" spans="2:3">
      <c r="B265" s="10"/>
      <c r="C265" s="10"/>
    </row>
    <row r="266" spans="2:3">
      <c r="B266" s="10"/>
      <c r="C266" s="10"/>
    </row>
    <row r="267" spans="2:3">
      <c r="B267" s="10"/>
      <c r="C267" s="10"/>
    </row>
    <row r="268" spans="2:3">
      <c r="B268" s="10"/>
      <c r="C268" s="10"/>
    </row>
    <row r="269" spans="2:3">
      <c r="B269" s="10"/>
      <c r="C269" s="10"/>
    </row>
    <row r="270" spans="2:3">
      <c r="B270" s="10"/>
      <c r="C270" s="10"/>
    </row>
    <row r="271" spans="2:3">
      <c r="B271" s="10"/>
      <c r="C271" s="10"/>
    </row>
    <row r="272" spans="2:3">
      <c r="B272" s="10"/>
      <c r="C272" s="10"/>
    </row>
    <row r="273" spans="2:3">
      <c r="B273" s="10"/>
      <c r="C273" s="10"/>
    </row>
    <row r="274" spans="2:3">
      <c r="B274" s="10"/>
      <c r="C274" s="10"/>
    </row>
    <row r="275" spans="2:3">
      <c r="B275" s="10"/>
      <c r="C275" s="10"/>
    </row>
    <row r="276" spans="2:3">
      <c r="B276" s="10"/>
      <c r="C276" s="10"/>
    </row>
    <row r="277" spans="2:3">
      <c r="B277" s="10"/>
      <c r="C277" s="10"/>
    </row>
    <row r="278" spans="2:3">
      <c r="B278" s="10"/>
      <c r="C278" s="10"/>
    </row>
    <row r="279" spans="2:3">
      <c r="B279" s="10"/>
      <c r="C279" s="10"/>
    </row>
    <row r="280" spans="2:3">
      <c r="B280" s="10"/>
      <c r="C280" s="10"/>
    </row>
    <row r="281" spans="2:3">
      <c r="B281" s="10"/>
      <c r="C281" s="10"/>
    </row>
    <row r="282" spans="2:3">
      <c r="B282" s="10"/>
      <c r="C282" s="10"/>
    </row>
    <row r="283" spans="2:3">
      <c r="B283" s="10"/>
      <c r="C283" s="10"/>
    </row>
    <row r="284" spans="2:3">
      <c r="B284" s="10"/>
      <c r="C284" s="10"/>
    </row>
    <row r="285" spans="2:3">
      <c r="B285" s="10"/>
      <c r="C285" s="10"/>
    </row>
    <row r="286" spans="2:3">
      <c r="B286" s="10"/>
      <c r="C286" s="10"/>
    </row>
    <row r="287" spans="2:3">
      <c r="B287" s="10"/>
      <c r="C287" s="10"/>
    </row>
    <row r="288" spans="2:3">
      <c r="B288" s="10"/>
      <c r="C288" s="10"/>
    </row>
    <row r="289" spans="2:3">
      <c r="B289" s="10"/>
      <c r="C289" s="10"/>
    </row>
    <row r="290" spans="2:3">
      <c r="B290" s="10"/>
      <c r="C290" s="10"/>
    </row>
    <row r="291" spans="2:3">
      <c r="B291" s="10"/>
      <c r="C291" s="10"/>
    </row>
    <row r="292" spans="2:3">
      <c r="B292" s="10"/>
      <c r="C292" s="10"/>
    </row>
    <row r="293" spans="2:3">
      <c r="B293" s="10"/>
      <c r="C293" s="10"/>
    </row>
    <row r="294" spans="2:3">
      <c r="B294" s="10"/>
      <c r="C294" s="10"/>
    </row>
    <row r="295" spans="2:3">
      <c r="B295" s="10"/>
      <c r="C295" s="10"/>
    </row>
    <row r="296" spans="2:3">
      <c r="B296" s="10"/>
      <c r="C296" s="10"/>
    </row>
    <row r="297" spans="2:3">
      <c r="B297" s="10"/>
      <c r="C297" s="10"/>
    </row>
    <row r="298" spans="2:3">
      <c r="B298" s="10"/>
      <c r="C298" s="10"/>
    </row>
    <row r="299" spans="2:3">
      <c r="B299" s="10"/>
      <c r="C299" s="10"/>
    </row>
    <row r="300" spans="2:3">
      <c r="B300" s="10"/>
      <c r="C300" s="10"/>
    </row>
    <row r="301" spans="2:3">
      <c r="B301" s="10"/>
      <c r="C301" s="10"/>
    </row>
    <row r="302" spans="2:3">
      <c r="B302" s="10"/>
      <c r="C302" s="10"/>
    </row>
    <row r="303" spans="2:3">
      <c r="B303" s="10"/>
      <c r="C303" s="10"/>
    </row>
    <row r="304" spans="2:3">
      <c r="B304" s="10"/>
      <c r="C304" s="10"/>
    </row>
    <row r="305" spans="2:3">
      <c r="B305" s="10"/>
      <c r="C305" s="10"/>
    </row>
    <row r="306" spans="2:3">
      <c r="B306" s="10"/>
      <c r="C306" s="10"/>
    </row>
    <row r="307" spans="2:3">
      <c r="B307" s="10"/>
      <c r="C307" s="10"/>
    </row>
    <row r="308" spans="2:3">
      <c r="B308" s="10"/>
      <c r="C308" s="10"/>
    </row>
    <row r="309" spans="2:3">
      <c r="B309" s="10"/>
      <c r="C309" s="10"/>
    </row>
    <row r="310" spans="2:3">
      <c r="B310" s="10"/>
      <c r="C310" s="10"/>
    </row>
    <row r="311" spans="2:3">
      <c r="B311" s="10"/>
      <c r="C311" s="10"/>
    </row>
    <row r="312" spans="2:3">
      <c r="B312" s="10"/>
      <c r="C312" s="10"/>
    </row>
    <row r="313" spans="2:3">
      <c r="B313" s="10"/>
      <c r="C313" s="10"/>
    </row>
    <row r="314" spans="2:3">
      <c r="B314" s="10"/>
      <c r="C314" s="10"/>
    </row>
    <row r="315" spans="2:3">
      <c r="B315" s="10"/>
      <c r="C315" s="10"/>
    </row>
    <row r="316" spans="2:3">
      <c r="B316" s="10"/>
      <c r="C316" s="10"/>
    </row>
    <row r="317" spans="2:3">
      <c r="B317" s="10"/>
      <c r="C317" s="10"/>
    </row>
    <row r="318" spans="2:3">
      <c r="B318" s="10"/>
      <c r="C318" s="10"/>
    </row>
    <row r="319" spans="2:3">
      <c r="B319" s="10"/>
      <c r="C319" s="10"/>
    </row>
    <row r="320" spans="2:3">
      <c r="B320" s="10"/>
      <c r="C320" s="10"/>
    </row>
    <row r="321" spans="2:3">
      <c r="B321" s="10"/>
      <c r="C321" s="10"/>
    </row>
    <row r="322" spans="2:3">
      <c r="B322" s="10"/>
      <c r="C322" s="10"/>
    </row>
    <row r="323" spans="2:3">
      <c r="B323" s="10"/>
      <c r="C323" s="10"/>
    </row>
    <row r="324" spans="2:3">
      <c r="B324" s="10"/>
      <c r="C324" s="10"/>
    </row>
    <row r="325" spans="2:3">
      <c r="B325" s="10"/>
      <c r="C325" s="10"/>
    </row>
    <row r="326" spans="2:3">
      <c r="B326" s="10"/>
      <c r="C326" s="10"/>
    </row>
    <row r="327" spans="2:3">
      <c r="B327" s="10"/>
      <c r="C327" s="10"/>
    </row>
    <row r="328" spans="2:3">
      <c r="B328" s="10"/>
      <c r="C328" s="10"/>
    </row>
    <row r="329" spans="2:3">
      <c r="B329" s="10"/>
      <c r="C329" s="10"/>
    </row>
    <row r="330" spans="2:3">
      <c r="B330" s="10"/>
      <c r="C330" s="10"/>
    </row>
    <row r="331" spans="2:3">
      <c r="B331" s="10"/>
      <c r="C331" s="10"/>
    </row>
    <row r="332" spans="2:3">
      <c r="B332" s="10"/>
      <c r="C332" s="10"/>
    </row>
    <row r="333" spans="2:3">
      <c r="B333" s="10"/>
      <c r="C333" s="10"/>
    </row>
    <row r="334" spans="2:3">
      <c r="B334" s="10"/>
      <c r="C334" s="10"/>
    </row>
    <row r="335" spans="2:3">
      <c r="B335" s="10"/>
      <c r="C335" s="10"/>
    </row>
    <row r="336" spans="2:3">
      <c r="B336" s="10"/>
      <c r="C336" s="10"/>
    </row>
    <row r="337" spans="2:3">
      <c r="B337" s="10"/>
      <c r="C337" s="10"/>
    </row>
    <row r="338" spans="2:3">
      <c r="B338" s="10"/>
      <c r="C338" s="10"/>
    </row>
    <row r="339" spans="2:3">
      <c r="B339" s="10"/>
      <c r="C339" s="10"/>
    </row>
    <row r="340" spans="2:3">
      <c r="B340" s="10"/>
      <c r="C340" s="10"/>
    </row>
    <row r="341" spans="2:3">
      <c r="B341" s="10"/>
      <c r="C341" s="10"/>
    </row>
    <row r="342" spans="2:3">
      <c r="B342" s="10"/>
      <c r="C342" s="10"/>
    </row>
    <row r="343" spans="2:3">
      <c r="B343" s="10"/>
      <c r="C343" s="10"/>
    </row>
    <row r="344" spans="2:3">
      <c r="B344" s="10"/>
      <c r="C344" s="10"/>
    </row>
    <row r="345" spans="2:3">
      <c r="B345" s="10"/>
      <c r="C345" s="10"/>
    </row>
    <row r="346" spans="2:3">
      <c r="B346" s="10"/>
      <c r="C346" s="10"/>
    </row>
    <row r="347" spans="2:3">
      <c r="B347" s="10"/>
      <c r="C347" s="10"/>
    </row>
    <row r="348" spans="2:3">
      <c r="B348" s="10"/>
      <c r="C348" s="10"/>
    </row>
    <row r="349" spans="2:3">
      <c r="B349" s="10"/>
      <c r="C349" s="10"/>
    </row>
    <row r="350" spans="2:3">
      <c r="B350" s="10"/>
      <c r="C350" s="10"/>
    </row>
    <row r="351" spans="2:3">
      <c r="B351" s="10"/>
      <c r="C351" s="10"/>
    </row>
    <row r="352" spans="2:3">
      <c r="B352" s="10"/>
      <c r="C352" s="10"/>
    </row>
    <row r="353" spans="2:3">
      <c r="B353" s="10"/>
      <c r="C353" s="10"/>
    </row>
    <row r="354" spans="2:3">
      <c r="B354" s="10"/>
      <c r="C354" s="10"/>
    </row>
    <row r="355" spans="2:3">
      <c r="B355" s="10"/>
      <c r="C355" s="10"/>
    </row>
    <row r="356" spans="2:3">
      <c r="B356" s="10"/>
      <c r="C356" s="10"/>
    </row>
    <row r="357" spans="2:3">
      <c r="B357" s="10"/>
      <c r="C357" s="10"/>
    </row>
    <row r="358" spans="2:3">
      <c r="B358" s="10"/>
      <c r="C358" s="10"/>
    </row>
    <row r="359" spans="2:3">
      <c r="B359" s="10"/>
      <c r="C359" s="10"/>
    </row>
    <row r="360" spans="2:3">
      <c r="B360" s="10"/>
      <c r="C360" s="10"/>
    </row>
    <row r="361" spans="2:3">
      <c r="B361" s="10"/>
      <c r="C361" s="10"/>
    </row>
    <row r="362" spans="2:3">
      <c r="B362" s="10"/>
      <c r="C362" s="10"/>
    </row>
    <row r="363" spans="2:3">
      <c r="B363" s="10"/>
      <c r="C363" s="10"/>
    </row>
    <row r="364" spans="2:3">
      <c r="B364" s="10"/>
      <c r="C364" s="10"/>
    </row>
    <row r="365" spans="2:3">
      <c r="B365" s="10"/>
      <c r="C365" s="10"/>
    </row>
    <row r="366" spans="2:3">
      <c r="B366" s="10"/>
      <c r="C366" s="10"/>
    </row>
    <row r="367" spans="2:3">
      <c r="B367" s="10"/>
      <c r="C367" s="10"/>
    </row>
    <row r="368" spans="2:3">
      <c r="B368" s="10"/>
      <c r="C368" s="10"/>
    </row>
    <row r="369" spans="2:3">
      <c r="B369" s="10"/>
      <c r="C369" s="10"/>
    </row>
    <row r="370" spans="2:3">
      <c r="B370" s="10"/>
      <c r="C370" s="10"/>
    </row>
    <row r="371" spans="2:3">
      <c r="B371" s="10"/>
      <c r="C371" s="10"/>
    </row>
    <row r="372" spans="2:3">
      <c r="B372" s="10"/>
      <c r="C372" s="10"/>
    </row>
    <row r="373" spans="2:3">
      <c r="B373" s="10"/>
      <c r="C373" s="10"/>
    </row>
    <row r="374" spans="2:3">
      <c r="B374" s="10"/>
      <c r="C374" s="10"/>
    </row>
    <row r="375" spans="2:3">
      <c r="B375" s="10"/>
      <c r="C375" s="10"/>
    </row>
    <row r="376" spans="2:3">
      <c r="B376" s="10"/>
      <c r="C376" s="10"/>
    </row>
    <row r="377" spans="2:3">
      <c r="B377" s="10"/>
      <c r="C377" s="10"/>
    </row>
    <row r="378" spans="2:3">
      <c r="B378" s="10"/>
      <c r="C378" s="10"/>
    </row>
    <row r="379" spans="2:3">
      <c r="B379" s="10"/>
      <c r="C379" s="10"/>
    </row>
    <row r="380" spans="2:3">
      <c r="B380" s="10"/>
      <c r="C380" s="10"/>
    </row>
    <row r="381" spans="2:3">
      <c r="B381" s="10"/>
      <c r="C381" s="10"/>
    </row>
    <row r="382" spans="2:3">
      <c r="B382" s="10"/>
      <c r="C382" s="10"/>
    </row>
    <row r="383" spans="2:3">
      <c r="B383" s="10"/>
      <c r="C383" s="10"/>
    </row>
    <row r="384" spans="2:3">
      <c r="B384" s="10"/>
      <c r="C384" s="10"/>
    </row>
    <row r="385" spans="2:3">
      <c r="B385" s="10"/>
      <c r="C385" s="10"/>
    </row>
    <row r="386" spans="2:3">
      <c r="B386" s="10"/>
      <c r="C386" s="10"/>
    </row>
    <row r="387" spans="2:3">
      <c r="B387" s="10"/>
      <c r="C387" s="10"/>
    </row>
    <row r="388" spans="2:3">
      <c r="B388" s="10"/>
      <c r="C388" s="10"/>
    </row>
    <row r="389" spans="2:3">
      <c r="B389" s="10"/>
      <c r="C389" s="10"/>
    </row>
    <row r="390" spans="2:3">
      <c r="B390" s="10"/>
    </row>
    <row r="391" spans="2:3">
      <c r="B391" s="10"/>
    </row>
    <row r="392" spans="2:3">
      <c r="B392" s="10"/>
    </row>
    <row r="393" spans="2:3">
      <c r="B393" s="10"/>
    </row>
    <row r="394" spans="2:3">
      <c r="B394" s="10"/>
    </row>
    <row r="395" spans="2:3">
      <c r="B395" s="10"/>
    </row>
    <row r="396" spans="2:3">
      <c r="B396" s="10"/>
    </row>
    <row r="397" spans="2:3">
      <c r="B397" s="10"/>
    </row>
    <row r="398" spans="2:3">
      <c r="B398" s="10"/>
    </row>
    <row r="399" spans="2:3">
      <c r="B399" s="10"/>
    </row>
    <row r="400" spans="2:3">
      <c r="B400" s="10"/>
    </row>
    <row r="401" spans="2:2">
      <c r="B401" s="10"/>
    </row>
    <row r="402" spans="2:2">
      <c r="B402" s="10"/>
    </row>
    <row r="403" spans="2:2">
      <c r="B403" s="10"/>
    </row>
    <row r="404" spans="2:2">
      <c r="B404" s="10"/>
    </row>
  </sheetData>
  <pageMargins left="0.7" right="0.7" top="0.75" bottom="0.75" header="0.3" footer="0.3"/>
  <pageSetup orientation="portrait" horizontalDpi="300"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T55"/>
  <sheetViews>
    <sheetView zoomScale="80" zoomScaleNormal="80" workbookViewId="0">
      <selection activeCell="B38" sqref="B38"/>
    </sheetView>
  </sheetViews>
  <sheetFormatPr defaultColWidth="9.109375" defaultRowHeight="13.2"/>
  <cols>
    <col min="1" max="1" width="87.6640625" style="1" customWidth="1"/>
    <col min="2" max="2" width="92.88671875" style="1" customWidth="1"/>
    <col min="3" max="3" width="56.44140625" style="1" customWidth="1"/>
    <col min="4" max="16384" width="9.109375" style="1"/>
  </cols>
  <sheetData>
    <row r="1" spans="1:20" ht="36" customHeight="1" thickBot="1">
      <c r="A1" s="7" t="s">
        <v>29</v>
      </c>
      <c r="B1" s="7" t="s">
        <v>78</v>
      </c>
      <c r="C1" s="7" t="s">
        <v>0</v>
      </c>
    </row>
    <row r="2" spans="1:20" s="24" customFormat="1" ht="83.25" customHeight="1">
      <c r="A2" s="23" t="s">
        <v>58</v>
      </c>
      <c r="B2" s="23" t="s">
        <v>79</v>
      </c>
      <c r="C2" s="23" t="s">
        <v>56</v>
      </c>
      <c r="D2" s="1"/>
      <c r="E2" s="1"/>
      <c r="F2" s="1"/>
      <c r="G2" s="1"/>
      <c r="H2" s="1"/>
      <c r="I2" s="1"/>
      <c r="J2" s="1"/>
      <c r="K2" s="1"/>
      <c r="L2" s="1"/>
      <c r="M2" s="1"/>
      <c r="N2" s="1"/>
      <c r="O2" s="1"/>
      <c r="P2" s="1"/>
      <c r="Q2" s="1"/>
      <c r="R2" s="1"/>
      <c r="S2" s="1"/>
      <c r="T2" s="1"/>
    </row>
    <row r="3" spans="1:20" ht="20.25" customHeight="1">
      <c r="A3" s="2"/>
      <c r="B3" s="2"/>
      <c r="C3" s="8"/>
    </row>
    <row r="4" spans="1:20">
      <c r="A4" s="11" t="s">
        <v>1</v>
      </c>
      <c r="B4" s="11" t="s">
        <v>1</v>
      </c>
      <c r="C4" s="3"/>
    </row>
    <row r="5" spans="1:20">
      <c r="A5" s="12" t="s">
        <v>2</v>
      </c>
      <c r="B5" s="12" t="s">
        <v>2</v>
      </c>
      <c r="C5" s="3"/>
    </row>
    <row r="6" spans="1:20">
      <c r="A6" s="19" t="s">
        <v>3</v>
      </c>
      <c r="B6" s="59" t="s">
        <v>252</v>
      </c>
      <c r="C6" s="44"/>
    </row>
    <row r="7" spans="1:20">
      <c r="A7" s="19" t="s">
        <v>4</v>
      </c>
      <c r="B7" s="60" t="s">
        <v>279</v>
      </c>
      <c r="C7" s="44"/>
    </row>
    <row r="8" spans="1:20">
      <c r="A8" s="19" t="s">
        <v>5</v>
      </c>
      <c r="B8" s="60" t="s">
        <v>253</v>
      </c>
      <c r="C8" s="44"/>
    </row>
    <row r="9" spans="1:20">
      <c r="A9" s="19" t="s">
        <v>6</v>
      </c>
      <c r="B9" s="60" t="s">
        <v>254</v>
      </c>
      <c r="C9" s="45"/>
    </row>
    <row r="10" spans="1:20">
      <c r="A10" s="19" t="s">
        <v>7</v>
      </c>
      <c r="B10" s="60" t="s">
        <v>255</v>
      </c>
      <c r="C10" s="45"/>
    </row>
    <row r="11" spans="1:20">
      <c r="A11" s="19" t="s">
        <v>53</v>
      </c>
      <c r="B11" s="61" t="s">
        <v>256</v>
      </c>
      <c r="C11" s="44"/>
    </row>
    <row r="12" spans="1:20">
      <c r="A12" s="19" t="s">
        <v>8</v>
      </c>
      <c r="B12" s="56" t="s">
        <v>193</v>
      </c>
      <c r="C12" s="52" t="s">
        <v>282</v>
      </c>
    </row>
    <row r="13" spans="1:20">
      <c r="A13" s="19" t="s">
        <v>9</v>
      </c>
      <c r="B13" s="58" t="s">
        <v>257</v>
      </c>
      <c r="C13" s="46"/>
    </row>
    <row r="14" spans="1:20">
      <c r="A14" s="19" t="s">
        <v>10</v>
      </c>
      <c r="B14" s="57" t="s">
        <v>195</v>
      </c>
      <c r="C14" s="47"/>
    </row>
    <row r="15" spans="1:20">
      <c r="A15" s="19" t="s">
        <v>11</v>
      </c>
      <c r="B15" s="56" t="s">
        <v>258</v>
      </c>
      <c r="C15" s="52" t="s">
        <v>283</v>
      </c>
    </row>
    <row r="16" spans="1:20">
      <c r="A16" s="19" t="s">
        <v>12</v>
      </c>
      <c r="B16" s="58" t="s">
        <v>255</v>
      </c>
      <c r="C16" s="49"/>
    </row>
    <row r="17" spans="1:3">
      <c r="A17" s="19" t="s">
        <v>13</v>
      </c>
      <c r="B17" s="57" t="s">
        <v>256</v>
      </c>
      <c r="C17" s="47"/>
    </row>
    <row r="18" spans="1:3">
      <c r="A18" s="19" t="s">
        <v>14</v>
      </c>
      <c r="B18" s="56" t="s">
        <v>259</v>
      </c>
      <c r="C18" s="52" t="s">
        <v>284</v>
      </c>
    </row>
    <row r="19" spans="1:3">
      <c r="A19" s="21" t="s">
        <v>15</v>
      </c>
      <c r="B19" s="58" t="s">
        <v>257</v>
      </c>
      <c r="C19" s="49"/>
    </row>
    <row r="20" spans="1:3">
      <c r="A20" s="22" t="s">
        <v>16</v>
      </c>
      <c r="B20" s="57" t="s">
        <v>195</v>
      </c>
      <c r="C20" s="50"/>
    </row>
    <row r="21" spans="1:3">
      <c r="B21" s="56" t="s">
        <v>260</v>
      </c>
      <c r="C21" s="52" t="s">
        <v>285</v>
      </c>
    </row>
    <row r="22" spans="1:3">
      <c r="A22" s="16"/>
      <c r="B22" s="58" t="s">
        <v>255</v>
      </c>
      <c r="C22" s="46"/>
    </row>
    <row r="23" spans="1:3">
      <c r="A23" s="16"/>
      <c r="B23" s="57" t="s">
        <v>256</v>
      </c>
      <c r="C23" s="50"/>
    </row>
    <row r="24" spans="1:3">
      <c r="A24" s="16"/>
      <c r="B24" s="56" t="s">
        <v>248</v>
      </c>
      <c r="C24" s="52" t="s">
        <v>245</v>
      </c>
    </row>
    <row r="25" spans="1:3">
      <c r="A25" s="16"/>
      <c r="B25" s="58" t="s">
        <v>261</v>
      </c>
      <c r="C25" s="46"/>
    </row>
    <row r="26" spans="1:3">
      <c r="A26" s="16"/>
      <c r="B26" s="58" t="s">
        <v>249</v>
      </c>
      <c r="C26" s="46"/>
    </row>
    <row r="27" spans="1:3">
      <c r="A27" s="16"/>
      <c r="B27" s="57" t="s">
        <v>262</v>
      </c>
      <c r="C27" s="50"/>
    </row>
    <row r="28" spans="1:3">
      <c r="A28" s="16"/>
      <c r="B28" s="56" t="s">
        <v>263</v>
      </c>
      <c r="C28" s="53" t="s">
        <v>244</v>
      </c>
    </row>
    <row r="29" spans="1:3">
      <c r="B29" s="57" t="s">
        <v>90</v>
      </c>
      <c r="C29" s="51"/>
    </row>
    <row r="30" spans="1:3">
      <c r="A30" s="16"/>
      <c r="B30" s="59" t="s">
        <v>264</v>
      </c>
      <c r="C30" s="45"/>
    </row>
    <row r="31" spans="1:3">
      <c r="A31" s="16"/>
      <c r="B31" s="60" t="s">
        <v>265</v>
      </c>
      <c r="C31" s="43"/>
    </row>
    <row r="32" spans="1:3">
      <c r="A32" s="16"/>
      <c r="B32" s="60" t="s">
        <v>253</v>
      </c>
      <c r="C32" s="43"/>
    </row>
    <row r="33" spans="1:3">
      <c r="A33" s="16"/>
      <c r="B33" s="60" t="s">
        <v>280</v>
      </c>
      <c r="C33" s="43"/>
    </row>
    <row r="34" spans="1:3">
      <c r="A34" s="16"/>
      <c r="B34" s="60" t="s">
        <v>266</v>
      </c>
      <c r="C34" s="43"/>
    </row>
    <row r="35" spans="1:3">
      <c r="A35" s="16"/>
      <c r="B35" s="60" t="s">
        <v>7</v>
      </c>
      <c r="C35" s="43"/>
    </row>
    <row r="36" spans="1:3">
      <c r="A36" s="16"/>
      <c r="B36" s="60" t="s">
        <v>267</v>
      </c>
      <c r="C36" s="43"/>
    </row>
    <row r="37" spans="1:3">
      <c r="A37" s="16"/>
      <c r="B37" s="60" t="s">
        <v>253</v>
      </c>
      <c r="C37" s="43"/>
    </row>
    <row r="38" spans="1:3">
      <c r="A38" s="16"/>
      <c r="B38" s="60" t="s">
        <v>281</v>
      </c>
      <c r="C38" s="43"/>
    </row>
    <row r="39" spans="1:3">
      <c r="A39" s="16"/>
      <c r="B39" s="60" t="s">
        <v>268</v>
      </c>
      <c r="C39" s="43"/>
    </row>
    <row r="40" spans="1:3">
      <c r="A40" s="16"/>
      <c r="B40" s="60" t="s">
        <v>8</v>
      </c>
      <c r="C40" s="43"/>
    </row>
    <row r="41" spans="1:3">
      <c r="A41" s="16"/>
      <c r="B41" s="60" t="s">
        <v>269</v>
      </c>
      <c r="C41" s="43"/>
    </row>
    <row r="42" spans="1:3">
      <c r="A42" s="16"/>
      <c r="B42" s="60" t="s">
        <v>270</v>
      </c>
      <c r="C42" s="43"/>
    </row>
    <row r="43" spans="1:3">
      <c r="B43" s="60" t="s">
        <v>271</v>
      </c>
    </row>
    <row r="44" spans="1:3">
      <c r="A44" s="16"/>
      <c r="B44" s="60" t="s">
        <v>272</v>
      </c>
    </row>
    <row r="45" spans="1:3">
      <c r="A45" s="16"/>
      <c r="B45" s="61" t="s">
        <v>273</v>
      </c>
    </row>
    <row r="46" spans="1:3">
      <c r="A46" s="16"/>
      <c r="B46" s="55" t="s">
        <v>274</v>
      </c>
      <c r="C46" s="54" t="s">
        <v>288</v>
      </c>
    </row>
    <row r="47" spans="1:3">
      <c r="A47" s="16"/>
      <c r="B47" s="56" t="s">
        <v>275</v>
      </c>
      <c r="C47" s="31" t="s">
        <v>286</v>
      </c>
    </row>
    <row r="48" spans="1:3">
      <c r="A48" s="16"/>
      <c r="B48" s="57" t="s">
        <v>276</v>
      </c>
      <c r="C48" s="32" t="s">
        <v>287</v>
      </c>
    </row>
    <row r="49" spans="1:2">
      <c r="A49" s="16"/>
      <c r="B49" s="59" t="s">
        <v>75</v>
      </c>
    </row>
    <row r="50" spans="1:2">
      <c r="A50" s="16"/>
      <c r="B50" s="60" t="s">
        <v>277</v>
      </c>
    </row>
    <row r="51" spans="1:2">
      <c r="B51" s="60" t="s">
        <v>42</v>
      </c>
    </row>
    <row r="52" spans="1:2">
      <c r="A52" s="16"/>
      <c r="B52" s="61" t="s">
        <v>278</v>
      </c>
    </row>
    <row r="53" spans="1:2">
      <c r="B53" s="16"/>
    </row>
    <row r="54" spans="1:2">
      <c r="B54" s="16"/>
    </row>
    <row r="55" spans="1:2">
      <c r="B55" s="16"/>
    </row>
  </sheetData>
  <pageMargins left="0.7" right="0.7" top="0.75" bottom="0.75" header="0.3" footer="0.3"/>
  <pageSetup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AM29"/>
  <sheetViews>
    <sheetView zoomScale="80" zoomScaleNormal="80" workbookViewId="0">
      <selection activeCell="C9" sqref="C9"/>
    </sheetView>
  </sheetViews>
  <sheetFormatPr defaultRowHeight="14.4"/>
  <cols>
    <col min="1" max="1" width="96.33203125" customWidth="1"/>
    <col min="2" max="2" width="86.33203125" customWidth="1"/>
    <col min="3" max="3" width="45" customWidth="1"/>
  </cols>
  <sheetData>
    <row r="1" spans="1:39" ht="36" customHeight="1" thickBot="1">
      <c r="A1" s="9" t="s">
        <v>30</v>
      </c>
      <c r="B1" s="9" t="s">
        <v>80</v>
      </c>
      <c r="C1" s="9" t="s">
        <v>0</v>
      </c>
      <c r="D1" s="18"/>
      <c r="E1" s="18"/>
      <c r="F1" s="18"/>
      <c r="G1" s="18"/>
      <c r="H1" s="18"/>
      <c r="I1" s="18"/>
      <c r="J1" s="18"/>
      <c r="K1" s="18"/>
      <c r="L1" s="18"/>
      <c r="M1" s="18"/>
      <c r="N1" s="18"/>
      <c r="O1" s="18"/>
      <c r="P1" s="18"/>
      <c r="Q1" s="18"/>
      <c r="R1" s="18"/>
      <c r="S1" s="18"/>
      <c r="T1" s="18"/>
      <c r="U1" s="18"/>
      <c r="V1" s="18"/>
      <c r="W1" s="18"/>
      <c r="X1" s="18"/>
      <c r="Y1" s="18"/>
      <c r="Z1" s="18"/>
      <c r="AA1" s="18"/>
      <c r="AB1" s="18"/>
      <c r="AC1" s="18"/>
      <c r="AD1" s="18"/>
      <c r="AE1" s="18"/>
      <c r="AF1" s="18"/>
      <c r="AG1" s="18"/>
      <c r="AH1" s="18"/>
      <c r="AI1" s="18"/>
      <c r="AJ1" s="18"/>
      <c r="AK1" s="18"/>
      <c r="AL1" s="18"/>
      <c r="AM1" s="18"/>
    </row>
    <row r="2" spans="1:39" s="24" customFormat="1" ht="83.25" customHeight="1">
      <c r="A2" s="23" t="s">
        <v>59</v>
      </c>
      <c r="B2" s="23" t="s">
        <v>81</v>
      </c>
      <c r="C2" s="23" t="s">
        <v>56</v>
      </c>
      <c r="D2" s="18"/>
      <c r="E2" s="18"/>
      <c r="F2" s="18"/>
      <c r="G2" s="18"/>
      <c r="H2" s="18"/>
      <c r="I2" s="18"/>
      <c r="J2" s="18"/>
      <c r="K2" s="18"/>
      <c r="L2" s="18"/>
      <c r="M2" s="18"/>
      <c r="N2" s="18"/>
      <c r="O2" s="18"/>
      <c r="P2" s="18"/>
      <c r="Q2" s="18"/>
      <c r="R2" s="18"/>
      <c r="S2" s="18"/>
      <c r="T2" s="18"/>
      <c r="U2" s="18"/>
      <c r="V2" s="18"/>
      <c r="W2" s="18"/>
      <c r="X2" s="18"/>
      <c r="Y2" s="18"/>
      <c r="Z2" s="18"/>
      <c r="AA2" s="18"/>
      <c r="AB2" s="18"/>
      <c r="AC2" s="18"/>
      <c r="AD2" s="18"/>
      <c r="AE2" s="18"/>
      <c r="AF2" s="18"/>
      <c r="AG2" s="18"/>
      <c r="AH2" s="18"/>
      <c r="AI2" s="18"/>
      <c r="AJ2" s="18"/>
      <c r="AK2" s="18"/>
      <c r="AL2" s="18"/>
      <c r="AM2" s="18"/>
    </row>
    <row r="3" spans="1:39">
      <c r="A3" s="6"/>
      <c r="B3" s="6"/>
      <c r="D3" s="18"/>
      <c r="E3" s="18"/>
      <c r="F3" s="18"/>
      <c r="G3" s="18"/>
      <c r="H3" s="18"/>
      <c r="I3" s="18"/>
      <c r="J3" s="18"/>
      <c r="K3" s="18"/>
      <c r="L3" s="18"/>
      <c r="M3" s="18"/>
      <c r="N3" s="18"/>
      <c r="O3" s="18"/>
      <c r="P3" s="18"/>
      <c r="Q3" s="18"/>
      <c r="R3" s="18"/>
      <c r="S3" s="18"/>
      <c r="T3" s="18"/>
      <c r="U3" s="18"/>
      <c r="V3" s="18"/>
      <c r="W3" s="18"/>
      <c r="X3" s="18"/>
      <c r="Y3" s="18"/>
      <c r="Z3" s="18"/>
      <c r="AA3" s="18"/>
      <c r="AB3" s="18"/>
      <c r="AC3" s="18"/>
      <c r="AD3" s="18"/>
      <c r="AE3" s="18"/>
      <c r="AF3" s="18"/>
      <c r="AG3" s="18"/>
      <c r="AH3" s="18"/>
      <c r="AI3" s="18"/>
      <c r="AJ3" s="18"/>
      <c r="AK3" s="18"/>
      <c r="AL3" s="18"/>
      <c r="AM3" s="18"/>
    </row>
    <row r="4" spans="1:39">
      <c r="A4" s="15" t="s">
        <v>27</v>
      </c>
      <c r="B4" s="6"/>
      <c r="D4" s="18"/>
      <c r="E4" s="18"/>
      <c r="F4" s="18"/>
      <c r="G4" s="18"/>
      <c r="H4" s="18"/>
      <c r="I4" s="18"/>
      <c r="J4" s="18"/>
      <c r="K4" s="18"/>
      <c r="L4" s="18"/>
      <c r="M4" s="18"/>
      <c r="N4" s="18"/>
      <c r="O4" s="18"/>
      <c r="P4" s="18"/>
      <c r="Q4" s="18"/>
      <c r="R4" s="18"/>
      <c r="S4" s="18"/>
      <c r="T4" s="18"/>
      <c r="U4" s="18"/>
      <c r="V4" s="18"/>
      <c r="W4" s="18"/>
      <c r="X4" s="18"/>
      <c r="Y4" s="18"/>
      <c r="Z4" s="18"/>
      <c r="AA4" s="18"/>
      <c r="AB4" s="18"/>
      <c r="AC4" s="18"/>
      <c r="AD4" s="18"/>
      <c r="AE4" s="18"/>
      <c r="AF4" s="18"/>
      <c r="AG4" s="18"/>
      <c r="AH4" s="18"/>
      <c r="AI4" s="18"/>
      <c r="AJ4" s="18"/>
      <c r="AK4" s="18"/>
      <c r="AL4" s="18"/>
      <c r="AM4" s="18"/>
    </row>
    <row r="5" spans="1:39">
      <c r="A5" s="13" t="s">
        <v>17</v>
      </c>
      <c r="B5" s="13" t="s">
        <v>17</v>
      </c>
      <c r="D5" s="18"/>
      <c r="E5" s="18"/>
      <c r="F5" s="18"/>
      <c r="G5" s="18"/>
      <c r="H5" s="18"/>
      <c r="I5" s="18"/>
      <c r="J5" s="18"/>
      <c r="K5" s="18"/>
      <c r="L5" s="18"/>
      <c r="M5" s="18"/>
      <c r="N5" s="18"/>
      <c r="O5" s="18"/>
      <c r="P5" s="18"/>
      <c r="Q5" s="18"/>
      <c r="R5" s="18"/>
      <c r="S5" s="18"/>
      <c r="T5" s="18"/>
      <c r="U5" s="18"/>
      <c r="V5" s="18"/>
      <c r="W5" s="18"/>
      <c r="X5" s="18"/>
      <c r="Y5" s="18"/>
      <c r="Z5" s="18"/>
      <c r="AA5" s="18"/>
      <c r="AB5" s="18"/>
      <c r="AC5" s="18"/>
      <c r="AD5" s="18"/>
      <c r="AE5" s="18"/>
      <c r="AF5" s="18"/>
      <c r="AG5" s="18"/>
      <c r="AH5" s="18"/>
      <c r="AI5" s="18"/>
      <c r="AJ5" s="18"/>
      <c r="AK5" s="18"/>
      <c r="AL5" s="18"/>
      <c r="AM5" s="18"/>
    </row>
    <row r="6" spans="1:39">
      <c r="A6" s="14" t="s">
        <v>18</v>
      </c>
      <c r="B6" s="14" t="s">
        <v>18</v>
      </c>
      <c r="D6" s="18"/>
      <c r="E6" s="18"/>
      <c r="F6" s="18"/>
      <c r="G6" s="18"/>
      <c r="H6" s="18"/>
      <c r="I6" s="18"/>
      <c r="J6" s="18"/>
      <c r="K6" s="18"/>
      <c r="L6" s="18"/>
      <c r="M6" s="18"/>
      <c r="N6" s="18"/>
      <c r="O6" s="18"/>
      <c r="P6" s="18"/>
      <c r="Q6" s="18"/>
      <c r="R6" s="18"/>
      <c r="S6" s="18"/>
      <c r="T6" s="18"/>
      <c r="U6" s="18"/>
      <c r="V6" s="18"/>
      <c r="W6" s="18"/>
      <c r="X6" s="18"/>
      <c r="Y6" s="18"/>
      <c r="Z6" s="18"/>
      <c r="AA6" s="18"/>
      <c r="AB6" s="18"/>
      <c r="AC6" s="18"/>
      <c r="AD6" s="18"/>
      <c r="AE6" s="18"/>
      <c r="AF6" s="18"/>
      <c r="AG6" s="18"/>
      <c r="AH6" s="18"/>
      <c r="AI6" s="18"/>
      <c r="AJ6" s="18"/>
      <c r="AK6" s="18"/>
      <c r="AL6" s="18"/>
      <c r="AM6" s="18"/>
    </row>
    <row r="7" spans="1:39">
      <c r="A7" s="62" t="s">
        <v>19</v>
      </c>
      <c r="B7" s="59" t="s">
        <v>301</v>
      </c>
      <c r="D7" s="18"/>
      <c r="E7" s="18"/>
      <c r="F7" s="18"/>
      <c r="G7" s="18"/>
      <c r="H7" s="18"/>
      <c r="I7" s="18"/>
      <c r="J7" s="18"/>
      <c r="K7" s="18"/>
      <c r="L7" s="18"/>
      <c r="M7" s="18"/>
      <c r="N7" s="18"/>
      <c r="O7" s="18"/>
      <c r="P7" s="18"/>
      <c r="Q7" s="18"/>
      <c r="R7" s="18"/>
      <c r="S7" s="18"/>
      <c r="T7" s="18"/>
      <c r="U7" s="18"/>
      <c r="V7" s="18"/>
      <c r="W7" s="18"/>
      <c r="X7" s="18"/>
      <c r="Y7" s="18"/>
      <c r="Z7" s="18"/>
      <c r="AA7" s="18"/>
      <c r="AB7" s="18"/>
      <c r="AC7" s="18"/>
      <c r="AD7" s="18"/>
      <c r="AE7" s="18"/>
      <c r="AF7" s="18"/>
      <c r="AG7" s="18"/>
      <c r="AH7" s="18"/>
      <c r="AI7" s="18"/>
      <c r="AJ7" s="18"/>
      <c r="AK7" s="18"/>
      <c r="AL7" s="18"/>
      <c r="AM7" s="18"/>
    </row>
    <row r="8" spans="1:39">
      <c r="A8" s="62" t="s">
        <v>20</v>
      </c>
      <c r="B8" s="60" t="s">
        <v>302</v>
      </c>
    </row>
    <row r="9" spans="1:39">
      <c r="A9" s="62" t="s">
        <v>21</v>
      </c>
      <c r="B9" s="60" t="s">
        <v>47</v>
      </c>
    </row>
    <row r="10" spans="1:39">
      <c r="A10" s="62" t="s">
        <v>22</v>
      </c>
      <c r="B10" s="60" t="s">
        <v>303</v>
      </c>
    </row>
    <row r="11" spans="1:39">
      <c r="A11" s="62" t="s">
        <v>23</v>
      </c>
      <c r="B11" s="60" t="s">
        <v>304</v>
      </c>
    </row>
    <row r="12" spans="1:39">
      <c r="A12" s="62" t="s">
        <v>24</v>
      </c>
      <c r="B12" s="60" t="s">
        <v>305</v>
      </c>
    </row>
    <row r="13" spans="1:39">
      <c r="A13" s="63" t="s">
        <v>25</v>
      </c>
      <c r="B13" s="60" t="s">
        <v>306</v>
      </c>
    </row>
    <row r="14" spans="1:39">
      <c r="A14" s="64" t="s">
        <v>26</v>
      </c>
      <c r="B14" s="60" t="s">
        <v>307</v>
      </c>
    </row>
    <row r="15" spans="1:39">
      <c r="A15" s="6"/>
      <c r="B15" s="60" t="s">
        <v>308</v>
      </c>
    </row>
    <row r="16" spans="1:39">
      <c r="A16" s="66"/>
      <c r="B16" s="60" t="s">
        <v>309</v>
      </c>
    </row>
    <row r="17" spans="1:2">
      <c r="A17" s="67"/>
      <c r="B17" s="60" t="s">
        <v>307</v>
      </c>
    </row>
    <row r="18" spans="1:2">
      <c r="A18" s="65"/>
      <c r="B18" s="60" t="s">
        <v>75</v>
      </c>
    </row>
    <row r="19" spans="1:2">
      <c r="A19" s="65"/>
      <c r="B19" s="60" t="s">
        <v>310</v>
      </c>
    </row>
    <row r="20" spans="1:2">
      <c r="A20" s="65"/>
      <c r="B20" s="60" t="s">
        <v>42</v>
      </c>
    </row>
    <row r="21" spans="1:2">
      <c r="A21" s="65"/>
      <c r="B21" s="69" t="s">
        <v>278</v>
      </c>
    </row>
    <row r="22" spans="1:2" ht="16.5" customHeight="1">
      <c r="A22" s="68"/>
      <c r="B22" s="48"/>
    </row>
    <row r="23" spans="1:2">
      <c r="A23" s="65"/>
      <c r="B23" s="48"/>
    </row>
    <row r="24" spans="1:2">
      <c r="A24" s="65"/>
      <c r="B24" s="48"/>
    </row>
    <row r="25" spans="1:2">
      <c r="A25" s="65"/>
      <c r="B25" s="48"/>
    </row>
    <row r="26" spans="1:2">
      <c r="A26" s="65"/>
      <c r="B26" s="48"/>
    </row>
    <row r="27" spans="1:2">
      <c r="A27" s="65"/>
      <c r="B27" s="48"/>
    </row>
    <row r="28" spans="1:2">
      <c r="A28" s="65"/>
      <c r="B28" s="48"/>
    </row>
    <row r="29" spans="1:2" ht="16.5" customHeight="1">
      <c r="A29" s="68"/>
    </row>
  </sheetData>
  <pageMargins left="0.7" right="0.7" top="0.75" bottom="0.75" header="0.3" footer="0.3"/>
  <pageSetup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F27"/>
  <sheetViews>
    <sheetView zoomScale="80" zoomScaleNormal="80" workbookViewId="0">
      <selection activeCell="B26" sqref="B26:B27"/>
    </sheetView>
  </sheetViews>
  <sheetFormatPr defaultRowHeight="14.4"/>
  <cols>
    <col min="1" max="1" width="99.109375" customWidth="1"/>
    <col min="2" max="2" width="83.5546875" customWidth="1"/>
    <col min="3" max="3" width="47.5546875" customWidth="1"/>
  </cols>
  <sheetData>
    <row r="1" spans="1:32" ht="36" customHeight="1" thickBot="1">
      <c r="A1" s="7" t="s">
        <v>31</v>
      </c>
      <c r="B1" s="7" t="s">
        <v>82</v>
      </c>
      <c r="C1" s="7" t="s">
        <v>0</v>
      </c>
    </row>
    <row r="2" spans="1:32" s="24" customFormat="1" ht="84.75" customHeight="1">
      <c r="A2" s="23" t="s">
        <v>60</v>
      </c>
      <c r="B2" s="23" t="s">
        <v>83</v>
      </c>
      <c r="C2" s="23" t="s">
        <v>56</v>
      </c>
      <c r="D2" s="18"/>
      <c r="E2" s="18"/>
      <c r="F2" s="18"/>
      <c r="G2" s="18"/>
      <c r="H2" s="18"/>
      <c r="I2" s="18"/>
      <c r="J2" s="18"/>
      <c r="K2" s="18"/>
      <c r="L2" s="18"/>
      <c r="M2" s="18"/>
      <c r="N2" s="18"/>
      <c r="O2" s="18"/>
      <c r="P2" s="18"/>
      <c r="Q2" s="18"/>
      <c r="R2" s="18"/>
      <c r="S2" s="18"/>
      <c r="T2" s="18"/>
      <c r="U2" s="18"/>
      <c r="V2" s="18"/>
      <c r="W2" s="18"/>
      <c r="X2" s="18"/>
      <c r="Y2" s="18"/>
      <c r="Z2" s="18"/>
      <c r="AA2" s="18"/>
      <c r="AB2" s="18"/>
      <c r="AC2" s="18"/>
      <c r="AD2" s="18"/>
      <c r="AE2" s="18"/>
      <c r="AF2" s="18"/>
    </row>
    <row r="4" spans="1:32">
      <c r="A4" s="13" t="s">
        <v>32</v>
      </c>
      <c r="B4" s="13" t="s">
        <v>32</v>
      </c>
    </row>
    <row r="5" spans="1:32">
      <c r="A5" s="14" t="s">
        <v>33</v>
      </c>
      <c r="B5" s="14" t="s">
        <v>33</v>
      </c>
    </row>
    <row r="6" spans="1:32">
      <c r="A6" s="62" t="s">
        <v>34</v>
      </c>
      <c r="B6" s="59" t="s">
        <v>34</v>
      </c>
    </row>
    <row r="7" spans="1:32">
      <c r="A7" s="62" t="s">
        <v>35</v>
      </c>
      <c r="B7" s="60" t="s">
        <v>289</v>
      </c>
    </row>
    <row r="8" spans="1:32">
      <c r="A8" s="62" t="s">
        <v>36</v>
      </c>
      <c r="B8" s="60" t="s">
        <v>290</v>
      </c>
    </row>
    <row r="9" spans="1:32">
      <c r="A9" s="62" t="s">
        <v>37</v>
      </c>
      <c r="B9" s="60" t="s">
        <v>291</v>
      </c>
    </row>
    <row r="10" spans="1:32">
      <c r="A10" s="62" t="s">
        <v>38</v>
      </c>
      <c r="B10" s="60" t="s">
        <v>292</v>
      </c>
    </row>
    <row r="11" spans="1:32">
      <c r="A11" s="62" t="s">
        <v>39</v>
      </c>
      <c r="B11" s="60" t="s">
        <v>260</v>
      </c>
    </row>
    <row r="12" spans="1:32">
      <c r="A12" s="62" t="s">
        <v>40</v>
      </c>
      <c r="B12" s="60" t="s">
        <v>255</v>
      </c>
    </row>
    <row r="13" spans="1:32">
      <c r="A13" s="62" t="s">
        <v>41</v>
      </c>
      <c r="B13" s="60" t="s">
        <v>256</v>
      </c>
    </row>
    <row r="14" spans="1:32">
      <c r="A14" s="63" t="s">
        <v>42</v>
      </c>
      <c r="B14" s="60" t="s">
        <v>293</v>
      </c>
    </row>
    <row r="15" spans="1:32">
      <c r="A15" s="64" t="s">
        <v>43</v>
      </c>
      <c r="B15" s="60" t="s">
        <v>261</v>
      </c>
    </row>
    <row r="16" spans="1:32">
      <c r="B16" s="60" t="s">
        <v>249</v>
      </c>
    </row>
    <row r="17" spans="2:2">
      <c r="B17" s="60" t="s">
        <v>262</v>
      </c>
    </row>
    <row r="18" spans="2:2">
      <c r="B18" s="60" t="s">
        <v>294</v>
      </c>
    </row>
    <row r="19" spans="2:2">
      <c r="B19" s="60" t="s">
        <v>295</v>
      </c>
    </row>
    <row r="20" spans="2:2">
      <c r="B20" s="60" t="s">
        <v>39</v>
      </c>
    </row>
    <row r="21" spans="2:2">
      <c r="B21" s="60" t="s">
        <v>296</v>
      </c>
    </row>
    <row r="22" spans="2:2">
      <c r="B22" s="60" t="s">
        <v>297</v>
      </c>
    </row>
    <row r="23" spans="2:2">
      <c r="B23" s="60" t="s">
        <v>298</v>
      </c>
    </row>
    <row r="24" spans="2:2">
      <c r="B24" s="60" t="s">
        <v>299</v>
      </c>
    </row>
    <row r="25" spans="2:2">
      <c r="B25" s="60" t="s">
        <v>300</v>
      </c>
    </row>
    <row r="26" spans="2:2">
      <c r="B26" s="60" t="s">
        <v>42</v>
      </c>
    </row>
    <row r="27" spans="2:2">
      <c r="B27" s="61" t="s">
        <v>278</v>
      </c>
    </row>
  </sheetData>
  <pageMargins left="0.7" right="0.7" top="0.75" bottom="0.75" header="0.3" footer="0.3"/>
  <pageSetup orientation="portrait" horizontalDpi="30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C54"/>
  <sheetViews>
    <sheetView zoomScale="80" zoomScaleNormal="80" workbookViewId="0">
      <selection activeCell="B19" sqref="B19"/>
    </sheetView>
  </sheetViews>
  <sheetFormatPr defaultRowHeight="14.4"/>
  <cols>
    <col min="1" max="1" width="87.6640625" customWidth="1"/>
    <col min="2" max="2" width="98.109375" customWidth="1"/>
    <col min="3" max="3" width="54.88671875" customWidth="1"/>
  </cols>
  <sheetData>
    <row r="1" spans="1:3" ht="45.75" customHeight="1" thickBot="1">
      <c r="A1" s="7" t="s">
        <v>29</v>
      </c>
      <c r="B1" s="7" t="s">
        <v>78</v>
      </c>
      <c r="C1" s="7" t="s">
        <v>0</v>
      </c>
    </row>
    <row r="2" spans="1:3" ht="81.75" customHeight="1">
      <c r="A2" s="23" t="s">
        <v>58</v>
      </c>
      <c r="B2" s="23" t="s">
        <v>79</v>
      </c>
      <c r="C2" s="23" t="s">
        <v>56</v>
      </c>
    </row>
    <row r="3" spans="1:3">
      <c r="A3" s="2"/>
      <c r="B3" s="2"/>
      <c r="C3" s="8"/>
    </row>
    <row r="4" spans="1:3">
      <c r="A4" s="11" t="s">
        <v>1</v>
      </c>
      <c r="B4" s="11" t="s">
        <v>1</v>
      </c>
      <c r="C4" s="3"/>
    </row>
    <row r="5" spans="1:3">
      <c r="A5" s="12" t="s">
        <v>2</v>
      </c>
      <c r="B5" s="12" t="s">
        <v>2</v>
      </c>
      <c r="C5" s="3"/>
    </row>
    <row r="6" spans="1:3">
      <c r="A6" s="19" t="s">
        <v>62</v>
      </c>
      <c r="B6" s="74" t="s">
        <v>252</v>
      </c>
      <c r="C6" s="44"/>
    </row>
    <row r="7" spans="1:3">
      <c r="A7" s="19" t="s">
        <v>63</v>
      </c>
      <c r="B7" s="55" t="s">
        <v>340</v>
      </c>
      <c r="C7" s="54" t="s">
        <v>341</v>
      </c>
    </row>
    <row r="8" spans="1:3">
      <c r="A8" s="19" t="s">
        <v>64</v>
      </c>
      <c r="B8" s="59" t="s">
        <v>253</v>
      </c>
      <c r="C8" s="44"/>
    </row>
    <row r="9" spans="1:3">
      <c r="A9" s="19" t="s">
        <v>65</v>
      </c>
      <c r="B9" s="60" t="s">
        <v>254</v>
      </c>
      <c r="C9" s="45"/>
    </row>
    <row r="10" spans="1:3">
      <c r="A10" s="19" t="s">
        <v>66</v>
      </c>
      <c r="B10" s="60" t="s">
        <v>255</v>
      </c>
      <c r="C10" s="44"/>
    </row>
    <row r="11" spans="1:3">
      <c r="A11" s="19" t="s">
        <v>67</v>
      </c>
      <c r="B11" s="61" t="s">
        <v>256</v>
      </c>
      <c r="C11" s="45"/>
    </row>
    <row r="12" spans="1:3">
      <c r="A12" s="19" t="s">
        <v>68</v>
      </c>
      <c r="B12" s="56" t="s">
        <v>193</v>
      </c>
      <c r="C12" s="52" t="s">
        <v>282</v>
      </c>
    </row>
    <row r="13" spans="1:3">
      <c r="A13" s="5" t="s">
        <v>69</v>
      </c>
      <c r="B13" s="58" t="s">
        <v>257</v>
      </c>
      <c r="C13" s="76"/>
    </row>
    <row r="14" spans="1:3">
      <c r="A14" s="5" t="s">
        <v>70</v>
      </c>
      <c r="B14" s="57" t="s">
        <v>195</v>
      </c>
      <c r="C14" s="51"/>
    </row>
    <row r="15" spans="1:3">
      <c r="A15" s="5" t="s">
        <v>71</v>
      </c>
      <c r="B15" s="56" t="s">
        <v>258</v>
      </c>
      <c r="C15" s="52" t="s">
        <v>283</v>
      </c>
    </row>
    <row r="16" spans="1:3">
      <c r="A16" s="5" t="s">
        <v>72</v>
      </c>
      <c r="B16" s="58" t="s">
        <v>255</v>
      </c>
      <c r="C16" s="76"/>
    </row>
    <row r="17" spans="1:3">
      <c r="A17" s="5" t="s">
        <v>73</v>
      </c>
      <c r="B17" s="57" t="s">
        <v>256</v>
      </c>
      <c r="C17" s="51"/>
    </row>
    <row r="18" spans="1:3">
      <c r="A18" s="5" t="s">
        <v>74</v>
      </c>
      <c r="B18" s="56" t="s">
        <v>259</v>
      </c>
      <c r="C18" s="52" t="s">
        <v>284</v>
      </c>
    </row>
    <row r="19" spans="1:3">
      <c r="A19" s="21" t="s">
        <v>50</v>
      </c>
      <c r="B19" s="58" t="s">
        <v>257</v>
      </c>
      <c r="C19" s="76"/>
    </row>
    <row r="20" spans="1:3">
      <c r="A20" s="22" t="s">
        <v>51</v>
      </c>
      <c r="B20" s="57" t="s">
        <v>195</v>
      </c>
      <c r="C20" s="51"/>
    </row>
    <row r="21" spans="1:3">
      <c r="B21" s="56" t="s">
        <v>260</v>
      </c>
      <c r="C21" s="52" t="s">
        <v>285</v>
      </c>
    </row>
    <row r="22" spans="1:3">
      <c r="B22" s="58" t="s">
        <v>255</v>
      </c>
      <c r="C22" s="76"/>
    </row>
    <row r="23" spans="1:3">
      <c r="B23" s="57" t="s">
        <v>256</v>
      </c>
      <c r="C23" s="51"/>
    </row>
    <row r="24" spans="1:3">
      <c r="B24" s="56" t="s">
        <v>248</v>
      </c>
      <c r="C24" s="52" t="s">
        <v>245</v>
      </c>
    </row>
    <row r="25" spans="1:3">
      <c r="B25" s="58" t="s">
        <v>261</v>
      </c>
      <c r="C25" s="76"/>
    </row>
    <row r="26" spans="1:3">
      <c r="B26" s="58" t="s">
        <v>249</v>
      </c>
      <c r="C26" s="76"/>
    </row>
    <row r="27" spans="1:3">
      <c r="B27" s="57" t="s">
        <v>262</v>
      </c>
      <c r="C27" s="51"/>
    </row>
    <row r="28" spans="1:3">
      <c r="B28" s="59" t="s">
        <v>330</v>
      </c>
      <c r="C28" s="71"/>
    </row>
    <row r="29" spans="1:3">
      <c r="B29" s="60" t="s">
        <v>343</v>
      </c>
      <c r="C29" s="43"/>
    </row>
    <row r="30" spans="1:3">
      <c r="B30" s="61" t="s">
        <v>331</v>
      </c>
      <c r="C30" s="43"/>
    </row>
    <row r="31" spans="1:3">
      <c r="B31" s="55" t="s">
        <v>334</v>
      </c>
      <c r="C31" s="54" t="s">
        <v>342</v>
      </c>
    </row>
    <row r="32" spans="1:3" s="18" customFormat="1">
      <c r="B32" s="59" t="s">
        <v>253</v>
      </c>
      <c r="C32" s="43"/>
    </row>
    <row r="33" spans="2:3" s="18" customFormat="1">
      <c r="B33" s="60" t="s">
        <v>280</v>
      </c>
      <c r="C33" s="43"/>
    </row>
    <row r="34" spans="2:3">
      <c r="B34" s="60" t="s">
        <v>266</v>
      </c>
      <c r="C34" s="43"/>
    </row>
    <row r="35" spans="2:3">
      <c r="B35" s="60" t="s">
        <v>7</v>
      </c>
      <c r="C35" s="43"/>
    </row>
    <row r="36" spans="2:3">
      <c r="B36" s="60" t="s">
        <v>332</v>
      </c>
      <c r="C36" s="43"/>
    </row>
    <row r="37" spans="2:3">
      <c r="B37" s="60" t="s">
        <v>267</v>
      </c>
      <c r="C37" s="71"/>
    </row>
    <row r="38" spans="2:3">
      <c r="B38" s="60" t="s">
        <v>253</v>
      </c>
      <c r="C38" s="71"/>
    </row>
    <row r="39" spans="2:3" s="18" customFormat="1">
      <c r="B39" s="60" t="s">
        <v>281</v>
      </c>
      <c r="C39" s="71"/>
    </row>
    <row r="40" spans="2:3">
      <c r="B40" s="60" t="s">
        <v>268</v>
      </c>
      <c r="C40" s="43"/>
    </row>
    <row r="41" spans="2:3">
      <c r="B41" s="60" t="s">
        <v>8</v>
      </c>
      <c r="C41" s="43"/>
    </row>
    <row r="42" spans="2:3">
      <c r="B42" s="60" t="s">
        <v>332</v>
      </c>
      <c r="C42" s="43"/>
    </row>
    <row r="43" spans="2:3">
      <c r="B43" s="60" t="s">
        <v>344</v>
      </c>
      <c r="C43" s="43"/>
    </row>
    <row r="44" spans="2:3">
      <c r="B44" s="60" t="s">
        <v>335</v>
      </c>
      <c r="C44" s="71"/>
    </row>
    <row r="45" spans="2:3">
      <c r="B45" s="60" t="s">
        <v>336</v>
      </c>
      <c r="C45" s="71"/>
    </row>
    <row r="46" spans="2:3">
      <c r="B46" s="60" t="s">
        <v>337</v>
      </c>
      <c r="C46" s="71"/>
    </row>
    <row r="47" spans="2:3">
      <c r="B47" s="61" t="s">
        <v>338</v>
      </c>
      <c r="C47" s="75"/>
    </row>
    <row r="48" spans="2:3">
      <c r="B48" s="55" t="s">
        <v>339</v>
      </c>
      <c r="C48" s="31" t="s">
        <v>288</v>
      </c>
    </row>
    <row r="49" spans="2:3">
      <c r="B49" s="56" t="s">
        <v>275</v>
      </c>
      <c r="C49" s="31" t="s">
        <v>286</v>
      </c>
    </row>
    <row r="50" spans="2:3">
      <c r="B50" s="58" t="s">
        <v>276</v>
      </c>
      <c r="C50" s="39" t="s">
        <v>287</v>
      </c>
    </row>
    <row r="51" spans="2:3">
      <c r="B51" s="57" t="s">
        <v>75</v>
      </c>
      <c r="C51" s="35"/>
    </row>
    <row r="52" spans="2:3">
      <c r="B52" s="59" t="s">
        <v>333</v>
      </c>
      <c r="C52" s="10"/>
    </row>
    <row r="53" spans="2:3">
      <c r="B53" s="60" t="s">
        <v>42</v>
      </c>
      <c r="C53" s="10"/>
    </row>
    <row r="54" spans="2:3">
      <c r="B54" s="61" t="s">
        <v>278</v>
      </c>
      <c r="C54" s="10"/>
    </row>
  </sheetData>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T55"/>
  <sheetViews>
    <sheetView zoomScale="80" zoomScaleNormal="80" workbookViewId="0">
      <selection activeCell="A6" sqref="A6"/>
    </sheetView>
  </sheetViews>
  <sheetFormatPr defaultColWidth="9.109375" defaultRowHeight="13.2"/>
  <cols>
    <col min="1" max="1" width="87.6640625" style="1" customWidth="1"/>
    <col min="2" max="2" width="92.88671875" style="1" customWidth="1"/>
    <col min="3" max="3" width="56.44140625" style="1" customWidth="1"/>
    <col min="4" max="16384" width="9.109375" style="1"/>
  </cols>
  <sheetData>
    <row r="1" spans="1:20" ht="36" customHeight="1" thickBot="1">
      <c r="A1" s="7" t="s">
        <v>29</v>
      </c>
      <c r="B1" s="7" t="s">
        <v>78</v>
      </c>
      <c r="C1" s="7" t="s">
        <v>0</v>
      </c>
    </row>
    <row r="2" spans="1:20" s="24" customFormat="1" ht="83.25" customHeight="1">
      <c r="A2" s="23" t="s">
        <v>58</v>
      </c>
      <c r="B2" s="23" t="s">
        <v>79</v>
      </c>
      <c r="C2" s="23" t="s">
        <v>56</v>
      </c>
      <c r="D2" s="1"/>
      <c r="E2" s="1"/>
      <c r="F2" s="1"/>
      <c r="G2" s="1"/>
      <c r="H2" s="1"/>
      <c r="I2" s="1"/>
      <c r="J2" s="1"/>
      <c r="K2" s="1"/>
      <c r="L2" s="1"/>
      <c r="M2" s="1"/>
      <c r="N2" s="1"/>
      <c r="O2" s="1"/>
      <c r="P2" s="1"/>
      <c r="Q2" s="1"/>
      <c r="R2" s="1"/>
      <c r="S2" s="1"/>
      <c r="T2" s="1"/>
    </row>
    <row r="3" spans="1:20" ht="20.25" customHeight="1">
      <c r="A3" s="2"/>
      <c r="B3" s="2"/>
      <c r="C3" s="8"/>
    </row>
    <row r="4" spans="1:20">
      <c r="A4" s="11" t="s">
        <v>1</v>
      </c>
      <c r="B4" s="11" t="s">
        <v>1</v>
      </c>
      <c r="C4" s="3"/>
    </row>
    <row r="5" spans="1:20">
      <c r="A5" s="12" t="s">
        <v>2</v>
      </c>
      <c r="B5" s="12" t="s">
        <v>2</v>
      </c>
      <c r="C5" s="3"/>
    </row>
    <row r="6" spans="1:20">
      <c r="A6" s="19" t="s">
        <v>3</v>
      </c>
      <c r="B6" s="74" t="s">
        <v>252</v>
      </c>
      <c r="C6" s="3"/>
    </row>
    <row r="7" spans="1:20">
      <c r="A7" s="19" t="s">
        <v>4</v>
      </c>
      <c r="B7" s="55" t="s">
        <v>323</v>
      </c>
      <c r="C7" s="72" t="s">
        <v>328</v>
      </c>
    </row>
    <row r="8" spans="1:20">
      <c r="A8" s="19" t="s">
        <v>5</v>
      </c>
      <c r="B8" s="59" t="s">
        <v>253</v>
      </c>
      <c r="C8" s="27"/>
    </row>
    <row r="9" spans="1:20">
      <c r="A9" s="19" t="s">
        <v>6</v>
      </c>
      <c r="B9" s="60" t="s">
        <v>254</v>
      </c>
      <c r="C9" s="28"/>
    </row>
    <row r="10" spans="1:20">
      <c r="A10" s="19" t="s">
        <v>7</v>
      </c>
      <c r="B10" s="60" t="s">
        <v>255</v>
      </c>
      <c r="C10" s="27"/>
    </row>
    <row r="11" spans="1:20">
      <c r="A11" s="19" t="s">
        <v>53</v>
      </c>
      <c r="B11" s="61" t="s">
        <v>256</v>
      </c>
      <c r="C11" s="28"/>
    </row>
    <row r="12" spans="1:20">
      <c r="A12" s="19" t="s">
        <v>8</v>
      </c>
      <c r="B12" s="56" t="s">
        <v>193</v>
      </c>
      <c r="C12" s="31" t="s">
        <v>326</v>
      </c>
    </row>
    <row r="13" spans="1:20">
      <c r="A13" s="19" t="s">
        <v>9</v>
      </c>
      <c r="B13" s="58" t="s">
        <v>257</v>
      </c>
      <c r="C13" s="30"/>
    </row>
    <row r="14" spans="1:20">
      <c r="A14" s="19" t="s">
        <v>10</v>
      </c>
      <c r="B14" s="57" t="s">
        <v>195</v>
      </c>
      <c r="C14" s="73"/>
    </row>
    <row r="15" spans="1:20">
      <c r="A15" s="19" t="s">
        <v>11</v>
      </c>
      <c r="B15" s="56" t="s">
        <v>258</v>
      </c>
      <c r="C15" s="31" t="s">
        <v>283</v>
      </c>
    </row>
    <row r="16" spans="1:20">
      <c r="A16" s="19" t="s">
        <v>12</v>
      </c>
      <c r="B16" s="58" t="s">
        <v>255</v>
      </c>
      <c r="C16" s="30"/>
    </row>
    <row r="17" spans="1:3">
      <c r="A17" s="19" t="s">
        <v>13</v>
      </c>
      <c r="B17" s="57" t="s">
        <v>256</v>
      </c>
      <c r="C17" s="73"/>
    </row>
    <row r="18" spans="1:3">
      <c r="A18" s="19" t="s">
        <v>14</v>
      </c>
      <c r="B18" s="56" t="s">
        <v>259</v>
      </c>
      <c r="C18" s="31" t="s">
        <v>284</v>
      </c>
    </row>
    <row r="19" spans="1:3">
      <c r="A19" s="21" t="s">
        <v>15</v>
      </c>
      <c r="B19" s="58" t="s">
        <v>257</v>
      </c>
      <c r="C19" s="30"/>
    </row>
    <row r="20" spans="1:3">
      <c r="A20" s="22" t="s">
        <v>16</v>
      </c>
      <c r="B20" s="57" t="s">
        <v>195</v>
      </c>
      <c r="C20" s="73"/>
    </row>
    <row r="21" spans="1:3">
      <c r="B21" s="56" t="s">
        <v>260</v>
      </c>
      <c r="C21" s="31" t="s">
        <v>285</v>
      </c>
    </row>
    <row r="22" spans="1:3">
      <c r="A22" s="16"/>
      <c r="B22" s="58" t="s">
        <v>255</v>
      </c>
      <c r="C22" s="30"/>
    </row>
    <row r="23" spans="1:3">
      <c r="A23" s="16"/>
      <c r="B23" s="57" t="s">
        <v>256</v>
      </c>
      <c r="C23" s="73"/>
    </row>
    <row r="24" spans="1:3">
      <c r="A24" s="16"/>
      <c r="B24" s="56" t="s">
        <v>248</v>
      </c>
      <c r="C24" s="31" t="s">
        <v>327</v>
      </c>
    </row>
    <row r="25" spans="1:3">
      <c r="A25" s="16"/>
      <c r="B25" s="58" t="s">
        <v>261</v>
      </c>
      <c r="C25" s="30"/>
    </row>
    <row r="26" spans="1:3">
      <c r="A26" s="16"/>
      <c r="B26" s="58" t="s">
        <v>249</v>
      </c>
      <c r="C26" s="30"/>
    </row>
    <row r="27" spans="1:3">
      <c r="A27" s="16"/>
      <c r="B27" s="57" t="s">
        <v>262</v>
      </c>
      <c r="C27" s="73"/>
    </row>
    <row r="28" spans="1:3">
      <c r="A28" s="16"/>
      <c r="B28" s="56" t="s">
        <v>263</v>
      </c>
      <c r="C28" s="31" t="s">
        <v>244</v>
      </c>
    </row>
    <row r="29" spans="1:3">
      <c r="B29" s="57" t="s">
        <v>90</v>
      </c>
      <c r="C29" s="73"/>
    </row>
    <row r="30" spans="1:3">
      <c r="A30" s="16"/>
      <c r="B30" s="59" t="s">
        <v>311</v>
      </c>
    </row>
    <row r="31" spans="1:3">
      <c r="A31" s="16"/>
      <c r="B31" s="60" t="s">
        <v>312</v>
      </c>
    </row>
    <row r="32" spans="1:3">
      <c r="A32" s="16"/>
      <c r="B32" s="60" t="s">
        <v>253</v>
      </c>
    </row>
    <row r="33" spans="1:3">
      <c r="A33" s="16"/>
      <c r="B33" s="60" t="s">
        <v>329</v>
      </c>
    </row>
    <row r="34" spans="1:3">
      <c r="A34" s="16"/>
      <c r="B34" s="60" t="s">
        <v>313</v>
      </c>
    </row>
    <row r="35" spans="1:3">
      <c r="A35" s="16"/>
      <c r="B35" s="61" t="s">
        <v>7</v>
      </c>
    </row>
    <row r="36" spans="1:3">
      <c r="A36" s="16"/>
      <c r="B36" s="55" t="s">
        <v>314</v>
      </c>
      <c r="C36" s="54" t="s">
        <v>324</v>
      </c>
    </row>
    <row r="37" spans="1:3">
      <c r="B37" s="55" t="s">
        <v>315</v>
      </c>
      <c r="C37" s="54" t="s">
        <v>325</v>
      </c>
    </row>
    <row r="38" spans="1:3">
      <c r="A38" s="16"/>
      <c r="B38" s="59" t="s">
        <v>316</v>
      </c>
    </row>
    <row r="39" spans="1:3">
      <c r="A39" s="16"/>
      <c r="B39" s="60" t="s">
        <v>317</v>
      </c>
    </row>
    <row r="40" spans="1:3">
      <c r="A40" s="16"/>
      <c r="B40" s="60" t="s">
        <v>318</v>
      </c>
    </row>
    <row r="41" spans="1:3">
      <c r="A41" s="16"/>
      <c r="B41" s="61" t="s">
        <v>319</v>
      </c>
    </row>
    <row r="42" spans="1:3">
      <c r="A42" s="16"/>
      <c r="B42" s="55" t="s">
        <v>320</v>
      </c>
      <c r="C42" s="31" t="s">
        <v>288</v>
      </c>
    </row>
    <row r="43" spans="1:3">
      <c r="B43" s="56" t="s">
        <v>275</v>
      </c>
      <c r="C43" s="31" t="s">
        <v>286</v>
      </c>
    </row>
    <row r="44" spans="1:3">
      <c r="A44" s="16"/>
      <c r="B44" s="57" t="s">
        <v>276</v>
      </c>
      <c r="C44" s="32" t="s">
        <v>287</v>
      </c>
    </row>
    <row r="45" spans="1:3" ht="13.8">
      <c r="A45" s="16"/>
      <c r="B45" s="59" t="s">
        <v>321</v>
      </c>
      <c r="C45" s="10"/>
    </row>
    <row r="46" spans="1:3" ht="13.8">
      <c r="A46" s="16"/>
      <c r="B46" s="60" t="s">
        <v>322</v>
      </c>
      <c r="C46" s="10"/>
    </row>
    <row r="47" spans="1:3" ht="13.8">
      <c r="A47" s="16"/>
      <c r="B47" s="60" t="s">
        <v>42</v>
      </c>
      <c r="C47" s="10"/>
    </row>
    <row r="48" spans="1:3" ht="13.8">
      <c r="A48" s="16"/>
      <c r="B48" s="61" t="s">
        <v>278</v>
      </c>
      <c r="C48" s="10"/>
    </row>
    <row r="49" spans="1:3">
      <c r="A49" s="16"/>
      <c r="B49" s="70"/>
      <c r="C49" s="43"/>
    </row>
    <row r="50" spans="1:3">
      <c r="A50" s="16"/>
      <c r="B50" s="70"/>
      <c r="C50" s="43"/>
    </row>
    <row r="51" spans="1:3">
      <c r="B51" s="70"/>
      <c r="C51" s="43"/>
    </row>
    <row r="52" spans="1:3">
      <c r="A52" s="16"/>
      <c r="B52" s="70"/>
      <c r="C52" s="43"/>
    </row>
    <row r="53" spans="1:3">
      <c r="B53" s="29"/>
      <c r="C53" s="43"/>
    </row>
    <row r="54" spans="1:3">
      <c r="B54" s="16"/>
    </row>
    <row r="55" spans="1:3">
      <c r="B55" s="16"/>
    </row>
  </sheetData>
  <pageMargins left="0.7" right="0.7" top="0.75" bottom="0.75" header="0.3" footer="0.3"/>
  <pageSetup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F7BF2AAD7999345ABAAE734311FD7C9" ma:contentTypeVersion="3" ma:contentTypeDescription="Create a new document." ma:contentTypeScope="" ma:versionID="3d7ec0bde4c24ed3bfa6837efec33485">
  <xsd:schema xmlns:xsd="http://www.w3.org/2001/XMLSchema" xmlns:xs="http://www.w3.org/2001/XMLSchema" xmlns:p="http://schemas.microsoft.com/office/2006/metadata/properties" xmlns:ns2="E0CB972A-00E7-4ABC-B725-7B5E1B41C4F1" xmlns:ns3="c3523a0f-ac6d-4565-a766-e48f96ee1a21" xmlns:ns4="e0cb972a-00e7-4abc-b725-7b5e1b41c4f1" targetNamespace="http://schemas.microsoft.com/office/2006/metadata/properties" ma:root="true" ma:fieldsID="efa99f37e50f697996aff6967985cfc8" ns2:_="" ns3:_="" ns4:_="">
    <xsd:import namespace="E0CB972A-00E7-4ABC-B725-7B5E1B41C4F1"/>
    <xsd:import namespace="c3523a0f-ac6d-4565-a766-e48f96ee1a21"/>
    <xsd:import namespace="e0cb972a-00e7-4abc-b725-7b5e1b41c4f1"/>
    <xsd:element name="properties">
      <xsd:complexType>
        <xsd:sequence>
          <xsd:element name="documentManagement">
            <xsd:complexType>
              <xsd:all>
                <xsd:element ref="ns2:Region" minOccurs="0"/>
                <xsd:element ref="ns2:Solution" minOccurs="0"/>
                <xsd:element ref="ns2:SAP_x0020_Activate_x0020_Phase" minOccurs="0"/>
                <xsd:element ref="ns2:SAP_x0020_Activate_x0020_Workstream" minOccurs="0"/>
                <xsd:element ref="ns2:MediaServiceMetadata" minOccurs="0"/>
                <xsd:element ref="ns2:MediaServiceFastMetadata" minOccurs="0"/>
                <xsd:element ref="ns2:DeploymentStartDate" minOccurs="0"/>
                <xsd:element ref="ns2:CustomTag" minOccurs="0"/>
                <xsd:element ref="ns3:SharedWithUsers" minOccurs="0"/>
                <xsd:element ref="ns3:SharedWithDetails" minOccurs="0"/>
                <xsd:element ref="ns4:MediaServiceAutoTags" minOccurs="0"/>
                <xsd:element ref="ns4:MediaServiceGenerationTime" minOccurs="0"/>
                <xsd:element ref="ns4: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0CB972A-00E7-4ABC-B725-7B5E1B41C4F1" elementFormDefault="qualified">
    <xsd:import namespace="http://schemas.microsoft.com/office/2006/documentManagement/types"/>
    <xsd:import namespace="http://schemas.microsoft.com/office/infopath/2007/PartnerControls"/>
    <xsd:element name="Region" ma:index="8" nillable="true" ma:displayName="Region" ma:internalName="Region">
      <xsd:complexType>
        <xsd:complexContent>
          <xsd:extension base="dms:MultiChoice">
            <xsd:sequence>
              <xsd:element name="Value" maxOccurs="unbounded" minOccurs="0" nillable="true">
                <xsd:simpleType>
                  <xsd:restriction base="dms:Choice">
                    <xsd:enumeration value="NA"/>
                    <xsd:enumeration value="EMEA/MEE"/>
                    <xsd:enumeration value="AFRICA"/>
                    <xsd:enumeration value="MENA"/>
                    <xsd:enumeration value="BRAZIL"/>
                    <xsd:enumeration value="LATAM"/>
                    <xsd:enumeration value="ANZ"/>
                    <xsd:enumeration value="JAPAN"/>
                    <xsd:enumeration value="KOREA"/>
                    <xsd:enumeration value="SE ASIA"/>
                    <xsd:enumeration value="CHINA"/>
                    <xsd:enumeration value="INDIA"/>
                  </xsd:restriction>
                </xsd:simpleType>
              </xsd:element>
            </xsd:sequence>
          </xsd:extension>
        </xsd:complexContent>
      </xsd:complexType>
    </xsd:element>
    <xsd:element name="Solution" ma:index="9" nillable="true" ma:displayName="Solution" ma:internalName="Solution">
      <xsd:complexType>
        <xsd:complexContent>
          <xsd:extension base="dms:MultiChoice">
            <xsd:sequence>
              <xsd:element name="Value" maxOccurs="unbounded" minOccurs="0" nillable="true">
                <xsd:simpleType>
                  <xsd:restriction base="dms:Choice">
                    <xsd:enumeration value="Procurement"/>
                    <xsd:enumeration value="Strategic Sourcing"/>
                    <xsd:enumeration value="Spend Analysis"/>
                    <xsd:enumeration value="Network Enablement"/>
                    <xsd:enumeration value="Supply Chain Collaboration"/>
                    <xsd:enumeration value="Payables"/>
                    <xsd:enumeration value="Invoice Conversion Services"/>
                    <xsd:enumeration value="Supplier Management"/>
                  </xsd:restriction>
                </xsd:simpleType>
              </xsd:element>
            </xsd:sequence>
          </xsd:extension>
        </xsd:complexContent>
      </xsd:complexType>
    </xsd:element>
    <xsd:element name="SAP_x0020_Activate_x0020_Phase" ma:index="10" nillable="true" ma:displayName="SAP Activate Phase" ma:internalName="SAP_x0020_Activate_x0020_Phase">
      <xsd:complexType>
        <xsd:complexContent>
          <xsd:extension base="dms:MultiChoice">
            <xsd:sequence>
              <xsd:element name="Value" maxOccurs="unbounded" minOccurs="0" nillable="true">
                <xsd:simpleType>
                  <xsd:restriction base="dms:Choice">
                    <xsd:enumeration value="Prepare"/>
                    <xsd:enumeration value="Explore"/>
                    <xsd:enumeration value="Realize"/>
                    <xsd:enumeration value="Deploy"/>
                    <xsd:enumeration value="Run"/>
                  </xsd:restriction>
                </xsd:simpleType>
              </xsd:element>
            </xsd:sequence>
          </xsd:extension>
        </xsd:complexContent>
      </xsd:complexType>
    </xsd:element>
    <xsd:element name="SAP_x0020_Activate_x0020_Workstream" ma:index="11" nillable="true" ma:displayName="SAP Activate Workstream" ma:internalName="SAP_x0020_Activate_x0020_Workstream">
      <xsd:complexType>
        <xsd:complexContent>
          <xsd:extension base="dms:MultiChoice">
            <xsd:sequence>
              <xsd:element name="Value" maxOccurs="unbounded" minOccurs="0" nillable="true">
                <xsd:simpleType>
                  <xsd:restriction base="dms:Choice">
                    <xsd:enumeration value="Project Management"/>
                    <xsd:enumeration value="Application: Solution Adoption"/>
                    <xsd:enumeration value="Application: Customer Team Enablement"/>
                    <xsd:enumeration value="Application: Design and Configuration"/>
                    <xsd:enumeration value="Application: Integration"/>
                    <xsd:enumeration value="Application: Testing"/>
                    <xsd:enumeration value="Custom Code Extensions"/>
                    <xsd:enumeration value="Technical Architecture and Infrastructure"/>
                    <xsd:enumeration value="System Data Migration"/>
                    <xsd:enumeration value="Transition to Operations"/>
                  </xsd:restriction>
                </xsd:simpleType>
              </xsd:element>
            </xsd:sequence>
          </xsd:extension>
        </xsd:complexContent>
      </xsd:complexType>
    </xsd:element>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DeploymentStartDate" ma:index="14" nillable="true" ma:displayName="Deployment Start Date" ma:format="DateOnly" ma:indexed="true" ma:internalName="DeploymentStartDate">
      <xsd:simpleType>
        <xsd:restriction base="dms:DateTime"/>
      </xsd:simpleType>
    </xsd:element>
    <xsd:element name="CustomTag" ma:index="15" nillable="true" ma:displayName="Custom Tag" ma:indexed="true" ma:internalName="CustomTag">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c3523a0f-ac6d-4565-a766-e48f96ee1a21" elementFormDefault="qualified">
    <xsd:import namespace="http://schemas.microsoft.com/office/2006/documentManagement/types"/>
    <xsd:import namespace="http://schemas.microsoft.com/office/infopath/2007/PartnerControls"/>
    <xsd:element name="SharedWithUsers" ma:index="1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description=""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0cb972a-00e7-4abc-b725-7b5e1b41c4f1" elementFormDefault="qualified">
    <xsd:import namespace="http://schemas.microsoft.com/office/2006/documentManagement/types"/>
    <xsd:import namespace="http://schemas.microsoft.com/office/infopath/2007/PartnerControls"/>
    <xsd:element name="MediaServiceAutoTags" ma:index="18" nillable="true" ma:displayName="Tags" ma:internalName="MediaServiceAutoTags" ma:readOnly="true">
      <xsd:simpleType>
        <xsd:restriction base="dms:Text"/>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Solution xmlns="E0CB972A-00E7-4ABC-B725-7B5E1B41C4F1"/>
    <SAP_x0020_Activate_x0020_Phase xmlns="E0CB972A-00E7-4ABC-B725-7B5E1B41C4F1"/>
    <CustomTag xmlns="E0CB972A-00E7-4ABC-B725-7B5E1B41C4F1" xsi:nil="true"/>
    <SAP_x0020_Activate_x0020_Workstream xmlns="E0CB972A-00E7-4ABC-B725-7B5E1B41C4F1"/>
    <Region xmlns="E0CB972A-00E7-4ABC-B725-7B5E1B41C4F1"/>
    <DeploymentStartDate xmlns="E0CB972A-00E7-4ABC-B725-7B5E1B41C4F1" xsi:nil="true"/>
  </documentManagement>
</p:properties>
</file>

<file path=customXml/itemProps1.xml><?xml version="1.0" encoding="utf-8"?>
<ds:datastoreItem xmlns:ds="http://schemas.openxmlformats.org/officeDocument/2006/customXml" ds:itemID="{C1D182B0-6F02-409A-A742-DDA6F1AFBA7B}"/>
</file>

<file path=customXml/itemProps2.xml><?xml version="1.0" encoding="utf-8"?>
<ds:datastoreItem xmlns:ds="http://schemas.openxmlformats.org/officeDocument/2006/customXml" ds:itemID="{5438E8EE-84EB-4886-93D2-B005D0D7D31E}">
  <ds:schemaRefs>
    <ds:schemaRef ds:uri="http://schemas.microsoft.com/sharepoint/v3/contenttype/forms"/>
  </ds:schemaRefs>
</ds:datastoreItem>
</file>

<file path=customXml/itemProps3.xml><?xml version="1.0" encoding="utf-8"?>
<ds:datastoreItem xmlns:ds="http://schemas.openxmlformats.org/officeDocument/2006/customXml" ds:itemID="{1ECA8019-ABAD-4D46-8B34-BD87F4B4FA08}">
  <ds:schemaRefs>
    <ds:schemaRef ds:uri="http://schemas.microsoft.com/office/2006/documentManagement/types"/>
    <ds:schemaRef ds:uri="http://schemas.microsoft.com/office/2006/metadata/properties"/>
    <ds:schemaRef ds:uri="http://purl.org/dc/dcmitype/"/>
    <ds:schemaRef ds:uri="http://www.w3.org/XML/1998/namespace"/>
    <ds:schemaRef ds:uri="http://purl.org/dc/elements/1.1/"/>
    <ds:schemaRef ds:uri="http://purl.org/dc/terms/"/>
    <ds:schemaRef ds:uri="http://schemas.microsoft.com/office/infopath/2007/PartnerControls"/>
    <ds:schemaRef ds:uri="http://schemas.openxmlformats.org/package/2006/metadata/core-properties"/>
    <ds:schemaRef ds:uri="386f4720-9db4-4950-8ffd-cd1ef4b846d5"/>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7</vt:i4>
      </vt:variant>
    </vt:vector>
  </HeadingPairs>
  <TitlesOfParts>
    <vt:vector size="7" baseType="lpstr">
      <vt:lpstr>1-850</vt:lpstr>
      <vt:lpstr>1b-850 Service PO</vt:lpstr>
      <vt:lpstr>2-810</vt:lpstr>
      <vt:lpstr>3-855</vt:lpstr>
      <vt:lpstr>4-856</vt:lpstr>
      <vt:lpstr>5-810 Credit</vt:lpstr>
      <vt:lpstr>6- 810 Service Invoic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llison Briggs</dc:creator>
  <cp:lastModifiedBy>Duong, Shirley</cp:lastModifiedBy>
  <dcterms:created xsi:type="dcterms:W3CDTF">2013-05-13T12:04:47Z</dcterms:created>
  <dcterms:modified xsi:type="dcterms:W3CDTF">2020-07-09T15:31: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F7BF2AAD7999345ABAAE734311FD7C9</vt:lpwstr>
  </property>
</Properties>
</file>